
<file path=[Content_Types].xml><?xml version="1.0" encoding="utf-8"?>
<Types xmlns="http://schemas.openxmlformats.org/package/2006/content-types">
  <Default Extension="bin" ContentType="application/vnd.openxmlformats-officedocument.spreadsheetml.printerSettings"/>
  <Default Extension="emf" ContentType="image/x-emf"/>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53222"/>
  <mc:AlternateContent xmlns:mc="http://schemas.openxmlformats.org/markup-compatibility/2006">
    <mc:Choice Requires="x15">
      <x15ac:absPath xmlns:x15ac="http://schemas.microsoft.com/office/spreadsheetml/2010/11/ac" url="J:\s1\01共通\05諸務\33ブールバール広場等運営等\04_広場レイアウト平面図\"/>
    </mc:Choice>
  </mc:AlternateContent>
  <bookViews>
    <workbookView xWindow="0" yWindow="0" windowWidth="18120" windowHeight="9000"/>
  </bookViews>
  <sheets>
    <sheet name="Sheet1" sheetId="1" r:id="rId1"/>
  </sheets>
  <definedNames>
    <definedName name="_xlnm.Print_Area" localSheetId="0">Sheet1!$A$1:$BO$29</definedName>
  </definedNames>
  <calcPr calcId="152511"/>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2" uniqueCount="2">
  <si>
    <t>富山市ブールバール広場等条例
申請レイアウト作成用</t>
    <rPh sb="0" eb="3">
      <t>トヤマシ</t>
    </rPh>
    <rPh sb="9" eb="11">
      <t>ヒロバ</t>
    </rPh>
    <rPh sb="11" eb="12">
      <t>トウ</t>
    </rPh>
    <rPh sb="12" eb="14">
      <t>ジョウレイ</t>
    </rPh>
    <rPh sb="15" eb="17">
      <t>シンセイ</t>
    </rPh>
    <rPh sb="22" eb="24">
      <t>サクセイ</t>
    </rPh>
    <rPh sb="24" eb="25">
      <t>ヨウ</t>
    </rPh>
    <phoneticPr fontId="1"/>
  </si>
  <si>
    <t>ブールバール広場　A・B　レイアウト作成図</t>
    <rPh sb="6" eb="8">
      <t>ヒロバ</t>
    </rPh>
    <rPh sb="18" eb="20">
      <t>サクセイ</t>
    </rPh>
    <rPh sb="20" eb="21">
      <t>ズ</t>
    </rPh>
    <phoneticPr fontId="1"/>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4" x14ac:knownFonts="1">
    <font>
      <sz val="11"/>
      <color theme="1"/>
      <name val="ＭＳ Ｐゴシック"/>
      <family val="2"/>
      <charset val="128"/>
      <scheme val="minor"/>
    </font>
    <font>
      <sz val="6"/>
      <name val="ＭＳ Ｐゴシック"/>
      <family val="2"/>
      <charset val="128"/>
      <scheme val="minor"/>
    </font>
    <font>
      <sz val="16"/>
      <color theme="1"/>
      <name val="HGPｺﾞｼｯｸM"/>
      <family val="3"/>
      <charset val="128"/>
    </font>
    <font>
      <sz val="9"/>
      <color theme="1"/>
      <name val="HGPｺﾞｼｯｸM"/>
      <family val="3"/>
      <charset val="128"/>
    </font>
  </fonts>
  <fills count="2">
    <fill>
      <patternFill patternType="none"/>
    </fill>
    <fill>
      <patternFill patternType="gray125"/>
    </fill>
  </fills>
  <borders count="1">
    <border>
      <left/>
      <right/>
      <top/>
      <bottom/>
      <diagonal/>
    </border>
  </borders>
  <cellStyleXfs count="1">
    <xf numFmtId="0" fontId="0" fillId="0" borderId="0">
      <alignment vertical="center"/>
    </xf>
  </cellStyleXfs>
  <cellXfs count="4">
    <xf numFmtId="0" fontId="0" fillId="0" borderId="0" xfId="0">
      <alignment vertical="center"/>
    </xf>
    <xf numFmtId="0" fontId="3" fillId="0" borderId="0" xfId="0" applyFont="1" applyAlignment="1">
      <alignment horizontal="right" vertical="center" wrapText="1" indent="1"/>
    </xf>
    <xf numFmtId="0" fontId="3" fillId="0" borderId="0" xfId="0" applyFont="1" applyAlignment="1">
      <alignment horizontal="right" vertical="center" indent="1"/>
    </xf>
    <xf numFmtId="0" fontId="2" fillId="0" borderId="0" xfId="0" applyFont="1" applyAlignment="1">
      <alignment horizontal="left" vertical="center"/>
    </xf>
  </cellXfs>
  <cellStyles count="1">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drawings/_rels/drawing1.xml.rels><?xml version="1.0" encoding="UTF-8" standalone="yes"?>
<Relationships xmlns="http://schemas.openxmlformats.org/package/2006/relationships"><Relationship Id="rId2" Type="http://schemas.openxmlformats.org/officeDocument/2006/relationships/image" Target="../media/image2.emf"/><Relationship Id="rId1" Type="http://schemas.openxmlformats.org/officeDocument/2006/relationships/image" Target="../media/image1.emf"/></Relationships>
</file>

<file path=xl/drawings/drawing1.xml><?xml version="1.0" encoding="utf-8"?>
<xdr:wsDr xmlns:xdr="http://schemas.openxmlformats.org/drawingml/2006/spreadsheetDrawing" xmlns:a="http://schemas.openxmlformats.org/drawingml/2006/main">
  <xdr:twoCellAnchor>
    <xdr:from>
      <xdr:col>54</xdr:col>
      <xdr:colOff>45558</xdr:colOff>
      <xdr:row>20</xdr:row>
      <xdr:rowOff>80977</xdr:rowOff>
    </xdr:from>
    <xdr:to>
      <xdr:col>65</xdr:col>
      <xdr:colOff>143251</xdr:colOff>
      <xdr:row>26</xdr:row>
      <xdr:rowOff>4647</xdr:rowOff>
    </xdr:to>
    <xdr:sp macro="" textlink="">
      <xdr:nvSpPr>
        <xdr:cNvPr id="15" name="テキスト ボックス 14"/>
        <xdr:cNvSpPr txBox="1"/>
      </xdr:nvSpPr>
      <xdr:spPr>
        <a:xfrm>
          <a:off x="8717738" y="2960628"/>
          <a:ext cx="1864248" cy="787566"/>
        </a:xfrm>
        <a:prstGeom prst="rect">
          <a:avLst/>
        </a:prstGeom>
        <a:solidFill>
          <a:schemeClr val="lt1"/>
        </a:solidFill>
        <a:ln w="9525" cmpd="sng">
          <a:solidFill>
            <a:schemeClr val="lt1">
              <a:shade val="50000"/>
            </a:schemeClr>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pPr algn="l"/>
          <a:r>
            <a:rPr kumimoji="1" lang="ja-JP" altLang="en-US" sz="900">
              <a:latin typeface="HGPｺﾞｼｯｸM" panose="020B0600000000000000" pitchFamily="50" charset="-128"/>
              <a:ea typeface="HGPｺﾞｼｯｸM" panose="020B0600000000000000" pitchFamily="50" charset="-128"/>
            </a:rPr>
            <a:t>配置用</a:t>
          </a:r>
          <a:endParaRPr kumimoji="1" lang="en-US" altLang="ja-JP" sz="900">
            <a:latin typeface="HGPｺﾞｼｯｸM" panose="020B0600000000000000" pitchFamily="50" charset="-128"/>
            <a:ea typeface="HGPｺﾞｼｯｸM" panose="020B0600000000000000" pitchFamily="50" charset="-128"/>
          </a:endParaRPr>
        </a:p>
        <a:p>
          <a:pPr algn="l"/>
          <a:r>
            <a:rPr kumimoji="1" lang="ja-JP" altLang="en-US" sz="800">
              <a:latin typeface="HGPｺﾞｼｯｸM" panose="020B0600000000000000" pitchFamily="50" charset="-128"/>
              <a:ea typeface="HGPｺﾞｼｯｸM" panose="020B0600000000000000" pitchFamily="50" charset="-128"/>
            </a:rPr>
            <a:t>サイズを変えず使用してください</a:t>
          </a:r>
          <a:endParaRPr kumimoji="1" lang="en-US" altLang="ja-JP" sz="800">
            <a:latin typeface="HGPｺﾞｼｯｸM" panose="020B0600000000000000" pitchFamily="50" charset="-128"/>
            <a:ea typeface="HGPｺﾞｼｯｸM" panose="020B0600000000000000" pitchFamily="50" charset="-128"/>
          </a:endParaRPr>
        </a:p>
        <a:p>
          <a:pPr algn="l"/>
          <a:endParaRPr kumimoji="1" lang="en-US" altLang="ja-JP" sz="900">
            <a:latin typeface="HGPｺﾞｼｯｸM" panose="020B0600000000000000" pitchFamily="50" charset="-128"/>
            <a:ea typeface="HGPｺﾞｼｯｸM" panose="020B0600000000000000" pitchFamily="50" charset="-128"/>
          </a:endParaRPr>
        </a:p>
        <a:p>
          <a:pPr algn="l"/>
          <a:r>
            <a:rPr kumimoji="1" lang="ja-JP" altLang="en-US" sz="900">
              <a:latin typeface="HGPｺﾞｼｯｸM" panose="020B0600000000000000" pitchFamily="50" charset="-128"/>
              <a:ea typeface="HGPｺﾞｼｯｸM" panose="020B0600000000000000" pitchFamily="50" charset="-128"/>
            </a:rPr>
            <a:t>　　　　・・・テント（</a:t>
          </a:r>
          <a:r>
            <a:rPr kumimoji="1" lang="en-US" altLang="ja-JP" sz="900">
              <a:latin typeface="HGPｺﾞｼｯｸM" panose="020B0600000000000000" pitchFamily="50" charset="-128"/>
              <a:ea typeface="HGPｺﾞｼｯｸM" panose="020B0600000000000000" pitchFamily="50" charset="-128"/>
            </a:rPr>
            <a:t>3.6m×5.4m</a:t>
          </a:r>
          <a:r>
            <a:rPr kumimoji="1" lang="ja-JP" altLang="en-US" sz="900">
              <a:latin typeface="HGPｺﾞｼｯｸM" panose="020B0600000000000000" pitchFamily="50" charset="-128"/>
              <a:ea typeface="HGPｺﾞｼｯｸM" panose="020B0600000000000000" pitchFamily="50" charset="-128"/>
            </a:rPr>
            <a:t>）</a:t>
          </a:r>
          <a:endParaRPr kumimoji="1" lang="en-US" altLang="ja-JP" sz="900">
            <a:latin typeface="HGPｺﾞｼｯｸM" panose="020B0600000000000000" pitchFamily="50" charset="-128"/>
            <a:ea typeface="HGPｺﾞｼｯｸM" panose="020B0600000000000000" pitchFamily="50" charset="-128"/>
          </a:endParaRPr>
        </a:p>
        <a:p>
          <a:pPr algn="l"/>
          <a:r>
            <a:rPr kumimoji="1" lang="ja-JP" altLang="en-US" sz="900">
              <a:latin typeface="HGPｺﾞｼｯｸM" panose="020B0600000000000000" pitchFamily="50" charset="-128"/>
              <a:ea typeface="HGPｺﾞｼｯｸM" panose="020B0600000000000000" pitchFamily="50" charset="-128"/>
            </a:rPr>
            <a:t>　　　　</a:t>
          </a:r>
          <a:endParaRPr kumimoji="1" lang="en-US" altLang="ja-JP" sz="900">
            <a:latin typeface="HGPｺﾞｼｯｸM" panose="020B0600000000000000" pitchFamily="50" charset="-128"/>
            <a:ea typeface="HGPｺﾞｼｯｸM" panose="020B0600000000000000" pitchFamily="50" charset="-128"/>
          </a:endParaRPr>
        </a:p>
      </xdr:txBody>
    </xdr:sp>
    <xdr:clientData/>
  </xdr:twoCellAnchor>
  <xdr:twoCellAnchor>
    <xdr:from>
      <xdr:col>0</xdr:col>
      <xdr:colOff>88605</xdr:colOff>
      <xdr:row>2</xdr:row>
      <xdr:rowOff>128728</xdr:rowOff>
    </xdr:from>
    <xdr:to>
      <xdr:col>66</xdr:col>
      <xdr:colOff>55378</xdr:colOff>
      <xdr:row>2</xdr:row>
      <xdr:rowOff>128728</xdr:rowOff>
    </xdr:to>
    <xdr:cxnSp macro="">
      <xdr:nvCxnSpPr>
        <xdr:cNvPr id="7" name="直線コネクタ 6"/>
        <xdr:cNvCxnSpPr/>
      </xdr:nvCxnSpPr>
      <xdr:spPr>
        <a:xfrm>
          <a:off x="88605" y="416275"/>
          <a:ext cx="9455830" cy="0"/>
        </a:xfrm>
        <a:prstGeom prst="line">
          <a:avLst/>
        </a:prstGeom>
        <a:ln w="9525">
          <a:solidFill>
            <a:sysClr val="windowText" lastClr="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xdr:col>
      <xdr:colOff>121205</xdr:colOff>
      <xdr:row>19</xdr:row>
      <xdr:rowOff>139906</xdr:rowOff>
    </xdr:from>
    <xdr:to>
      <xdr:col>50</xdr:col>
      <xdr:colOff>83066</xdr:colOff>
      <xdr:row>27</xdr:row>
      <xdr:rowOff>66349</xdr:rowOff>
    </xdr:to>
    <xdr:sp macro="" textlink="">
      <xdr:nvSpPr>
        <xdr:cNvPr id="8" name="テキスト ボックス 7"/>
        <xdr:cNvSpPr txBox="1"/>
      </xdr:nvSpPr>
      <xdr:spPr>
        <a:xfrm>
          <a:off x="281801" y="2875575"/>
          <a:ext cx="7831062" cy="1078303"/>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000">
              <a:latin typeface="HGPｺﾞｼｯｸM" panose="020B0600000000000000" pitchFamily="50" charset="-128"/>
              <a:ea typeface="HGPｺﾞｼｯｸM" panose="020B0600000000000000" pitchFamily="50" charset="-128"/>
            </a:rPr>
            <a:t>留意事項</a:t>
          </a:r>
          <a:endParaRPr kumimoji="1" lang="en-US" altLang="ja-JP" sz="1000">
            <a:latin typeface="HGPｺﾞｼｯｸM" panose="020B0600000000000000" pitchFamily="50" charset="-128"/>
            <a:ea typeface="HGPｺﾞｼｯｸM" panose="020B0600000000000000" pitchFamily="50" charset="-128"/>
          </a:endParaRPr>
        </a:p>
        <a:p>
          <a:r>
            <a:rPr kumimoji="1" lang="ja-JP" altLang="en-US" sz="1000">
              <a:latin typeface="HGPｺﾞｼｯｸM" panose="020B0600000000000000" pitchFamily="50" charset="-128"/>
              <a:ea typeface="HGPｺﾞｼｯｸM" panose="020B0600000000000000" pitchFamily="50" charset="-128"/>
            </a:rPr>
            <a:t>　・平面に使用レイアウトの作成をお願いします。</a:t>
          </a:r>
          <a:endParaRPr kumimoji="1" lang="en-US" altLang="ja-JP" sz="1000">
            <a:latin typeface="HGPｺﾞｼｯｸM" panose="020B0600000000000000" pitchFamily="50" charset="-128"/>
            <a:ea typeface="HGPｺﾞｼｯｸM" panose="020B0600000000000000" pitchFamily="50" charset="-128"/>
          </a:endParaRPr>
        </a:p>
        <a:p>
          <a:r>
            <a:rPr kumimoji="1" lang="ja-JP" altLang="en-US" sz="1000">
              <a:latin typeface="HGPｺﾞｼｯｸM" panose="020B0600000000000000" pitchFamily="50" charset="-128"/>
              <a:ea typeface="HGPｺﾞｼｯｸM" panose="020B0600000000000000" pitchFamily="50" charset="-128"/>
            </a:rPr>
            <a:t>　・広場は、歩行者が優先となります。できるだけ広場の点字ブロックを避けたレイアウト作成をお願いいたします。</a:t>
          </a:r>
          <a:endParaRPr kumimoji="1" lang="en-US" altLang="ja-JP" sz="1000">
            <a:latin typeface="HGPｺﾞｼｯｸM" panose="020B0600000000000000" pitchFamily="50" charset="-128"/>
            <a:ea typeface="HGPｺﾞｼｯｸM" panose="020B0600000000000000" pitchFamily="50" charset="-128"/>
          </a:endParaRPr>
        </a:p>
        <a:p>
          <a:r>
            <a:rPr kumimoji="1" lang="ja-JP" altLang="en-US" sz="1000">
              <a:latin typeface="HGPｺﾞｼｯｸM" panose="020B0600000000000000" pitchFamily="50" charset="-128"/>
              <a:ea typeface="HGPｺﾞｼｯｸM" panose="020B0600000000000000" pitchFamily="50" charset="-128"/>
            </a:rPr>
            <a:t>　・重量物の乗り入れ、設置には、鉄板敷など養生が必要となる場合がありますので、ご相談願います。</a:t>
          </a:r>
          <a:endParaRPr kumimoji="1" lang="en-US" altLang="ja-JP" sz="1000">
            <a:latin typeface="HGPｺﾞｼｯｸM" panose="020B0600000000000000" pitchFamily="50" charset="-128"/>
            <a:ea typeface="HGPｺﾞｼｯｸM" panose="020B0600000000000000" pitchFamily="50" charset="-128"/>
          </a:endParaRPr>
        </a:p>
        <a:p>
          <a:r>
            <a:rPr kumimoji="1" lang="ja-JP" altLang="en-US" sz="1000">
              <a:latin typeface="HGPｺﾞｼｯｸM" panose="020B0600000000000000" pitchFamily="50" charset="-128"/>
              <a:ea typeface="HGPｺﾞｼｯｸM" panose="020B0600000000000000" pitchFamily="50" charset="-128"/>
            </a:rPr>
            <a:t>　・周辺施設の入口を塞ぐなどないようにお願いいたします。</a:t>
          </a:r>
          <a:endParaRPr kumimoji="1" lang="en-US" altLang="ja-JP" sz="1000">
            <a:latin typeface="HGPｺﾞｼｯｸM" panose="020B0600000000000000" pitchFamily="50" charset="-128"/>
            <a:ea typeface="HGPｺﾞｼｯｸM" panose="020B0600000000000000" pitchFamily="50" charset="-128"/>
          </a:endParaRPr>
        </a:p>
      </xdr:txBody>
    </xdr:sp>
    <xdr:clientData/>
  </xdr:twoCellAnchor>
  <xdr:twoCellAnchor>
    <xdr:from>
      <xdr:col>55</xdr:col>
      <xdr:colOff>76676</xdr:colOff>
      <xdr:row>23</xdr:row>
      <xdr:rowOff>136975</xdr:rowOff>
    </xdr:from>
    <xdr:to>
      <xdr:col>56</xdr:col>
      <xdr:colOff>128347</xdr:colOff>
      <xdr:row>24</xdr:row>
      <xdr:rowOff>103554</xdr:rowOff>
    </xdr:to>
    <xdr:sp macro="" textlink="">
      <xdr:nvSpPr>
        <xdr:cNvPr id="11" name="正方形/長方形 10"/>
        <xdr:cNvSpPr/>
      </xdr:nvSpPr>
      <xdr:spPr>
        <a:xfrm>
          <a:off x="8909452" y="3448574"/>
          <a:ext cx="212267" cy="110561"/>
        </a:xfrm>
        <a:prstGeom prst="rect">
          <a:avLst/>
        </a:prstGeom>
        <a:solidFill>
          <a:sysClr val="window" lastClr="FFFFFF"/>
        </a:solidFill>
        <a:ln>
          <a:solidFill>
            <a:sysClr val="windowText" lastClr="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editAs="oneCell">
    <xdr:from>
      <xdr:col>3</xdr:col>
      <xdr:colOff>138462</xdr:colOff>
      <xdr:row>3</xdr:row>
      <xdr:rowOff>116309</xdr:rowOff>
    </xdr:from>
    <xdr:to>
      <xdr:col>63</xdr:col>
      <xdr:colOff>54632</xdr:colOff>
      <xdr:row>18</xdr:row>
      <xdr:rowOff>25531</xdr:rowOff>
    </xdr:to>
    <xdr:pic>
      <xdr:nvPicPr>
        <xdr:cNvPr id="38" name="図 37"/>
        <xdr:cNvPicPr>
          <a:picLocks noChangeAspect="1" noChangeArrowheads="1"/>
        </xdr:cNvPicPr>
      </xdr:nvPicPr>
      <xdr:blipFill>
        <a:blip xmlns:r="http://schemas.openxmlformats.org/officeDocument/2006/relationships" r:embed="rId1">
          <a:extLst>
            <a:ext uri="{28A0092B-C50C-407E-A947-70E740481C1C}">
              <a14:useLocalDpi xmlns:a14="http://schemas.microsoft.com/office/drawing/2010/main" val="0"/>
            </a:ext>
          </a:extLst>
        </a:blip>
        <a:srcRect/>
        <a:stretch>
          <a:fillRect/>
        </a:stretch>
      </xdr:blipFill>
      <xdr:spPr bwMode="auto">
        <a:xfrm>
          <a:off x="620250" y="548257"/>
          <a:ext cx="9551926" cy="2068960"/>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50</xdr:col>
      <xdr:colOff>121848</xdr:colOff>
      <xdr:row>7</xdr:row>
      <xdr:rowOff>44318</xdr:rowOff>
    </xdr:from>
    <xdr:to>
      <xdr:col>61</xdr:col>
      <xdr:colOff>99698</xdr:colOff>
      <xdr:row>15</xdr:row>
      <xdr:rowOff>49840</xdr:rowOff>
    </xdr:to>
    <xdr:sp macro="" textlink="">
      <xdr:nvSpPr>
        <xdr:cNvPr id="39" name="フリーフォーム 38"/>
        <xdr:cNvSpPr/>
      </xdr:nvSpPr>
      <xdr:spPr>
        <a:xfrm>
          <a:off x="8151645" y="1052196"/>
          <a:ext cx="1744405" cy="1157382"/>
        </a:xfrm>
        <a:custGeom>
          <a:avLst/>
          <a:gdLst>
            <a:gd name="connsiteX0" fmla="*/ 0 w 1629578"/>
            <a:gd name="connsiteY0" fmla="*/ 5738 h 1107425"/>
            <a:gd name="connsiteX1" fmla="*/ 22951 w 1629578"/>
            <a:gd name="connsiteY1" fmla="*/ 1021356 h 1107425"/>
            <a:gd name="connsiteX2" fmla="*/ 212304 w 1629578"/>
            <a:gd name="connsiteY2" fmla="*/ 1107425 h 1107425"/>
            <a:gd name="connsiteX3" fmla="*/ 1468915 w 1629578"/>
            <a:gd name="connsiteY3" fmla="*/ 1095949 h 1107425"/>
            <a:gd name="connsiteX4" fmla="*/ 1629578 w 1629578"/>
            <a:gd name="connsiteY4" fmla="*/ 923811 h 1107425"/>
            <a:gd name="connsiteX5" fmla="*/ 1606626 w 1629578"/>
            <a:gd name="connsiteY5" fmla="*/ 0 h 1107425"/>
            <a:gd name="connsiteX6" fmla="*/ 0 w 1629578"/>
            <a:gd name="connsiteY6" fmla="*/ 5738 h 1107425"/>
            <a:gd name="connsiteX0" fmla="*/ 5738 w 1635316"/>
            <a:gd name="connsiteY0" fmla="*/ 5738 h 1107425"/>
            <a:gd name="connsiteX1" fmla="*/ 0 w 1635316"/>
            <a:gd name="connsiteY1" fmla="*/ 1015618 h 1107425"/>
            <a:gd name="connsiteX2" fmla="*/ 218042 w 1635316"/>
            <a:gd name="connsiteY2" fmla="*/ 1107425 h 1107425"/>
            <a:gd name="connsiteX3" fmla="*/ 1474653 w 1635316"/>
            <a:gd name="connsiteY3" fmla="*/ 1095949 h 1107425"/>
            <a:gd name="connsiteX4" fmla="*/ 1635316 w 1635316"/>
            <a:gd name="connsiteY4" fmla="*/ 923811 h 1107425"/>
            <a:gd name="connsiteX5" fmla="*/ 1612364 w 1635316"/>
            <a:gd name="connsiteY5" fmla="*/ 0 h 1107425"/>
            <a:gd name="connsiteX6" fmla="*/ 5738 w 1635316"/>
            <a:gd name="connsiteY6" fmla="*/ 5738 h 1107425"/>
            <a:gd name="connsiteX0" fmla="*/ 5738 w 1635316"/>
            <a:gd name="connsiteY0" fmla="*/ 5738 h 1107425"/>
            <a:gd name="connsiteX1" fmla="*/ 0 w 1635316"/>
            <a:gd name="connsiteY1" fmla="*/ 1015618 h 1107425"/>
            <a:gd name="connsiteX2" fmla="*/ 218042 w 1635316"/>
            <a:gd name="connsiteY2" fmla="*/ 1107425 h 1107425"/>
            <a:gd name="connsiteX3" fmla="*/ 1474653 w 1635316"/>
            <a:gd name="connsiteY3" fmla="*/ 1095949 h 1107425"/>
            <a:gd name="connsiteX4" fmla="*/ 1635316 w 1635316"/>
            <a:gd name="connsiteY4" fmla="*/ 923811 h 1107425"/>
            <a:gd name="connsiteX5" fmla="*/ 1612364 w 1635316"/>
            <a:gd name="connsiteY5" fmla="*/ 0 h 1107425"/>
            <a:gd name="connsiteX6" fmla="*/ 5738 w 1635316"/>
            <a:gd name="connsiteY6" fmla="*/ 5738 h 1107425"/>
            <a:gd name="connsiteX0" fmla="*/ 5738 w 1635316"/>
            <a:gd name="connsiteY0" fmla="*/ 5738 h 1107425"/>
            <a:gd name="connsiteX1" fmla="*/ 0 w 1635316"/>
            <a:gd name="connsiteY1" fmla="*/ 1015618 h 1107425"/>
            <a:gd name="connsiteX2" fmla="*/ 218042 w 1635316"/>
            <a:gd name="connsiteY2" fmla="*/ 1107425 h 1107425"/>
            <a:gd name="connsiteX3" fmla="*/ 1474653 w 1635316"/>
            <a:gd name="connsiteY3" fmla="*/ 1095949 h 1107425"/>
            <a:gd name="connsiteX4" fmla="*/ 1635316 w 1635316"/>
            <a:gd name="connsiteY4" fmla="*/ 923811 h 1107425"/>
            <a:gd name="connsiteX5" fmla="*/ 1612364 w 1635316"/>
            <a:gd name="connsiteY5" fmla="*/ 0 h 1107425"/>
            <a:gd name="connsiteX6" fmla="*/ 5738 w 1635316"/>
            <a:gd name="connsiteY6" fmla="*/ 5738 h 1107425"/>
            <a:gd name="connsiteX0" fmla="*/ 5738 w 1635316"/>
            <a:gd name="connsiteY0" fmla="*/ 5738 h 1107425"/>
            <a:gd name="connsiteX1" fmla="*/ 0 w 1635316"/>
            <a:gd name="connsiteY1" fmla="*/ 1015618 h 1107425"/>
            <a:gd name="connsiteX2" fmla="*/ 218042 w 1635316"/>
            <a:gd name="connsiteY2" fmla="*/ 1107425 h 1107425"/>
            <a:gd name="connsiteX3" fmla="*/ 1474653 w 1635316"/>
            <a:gd name="connsiteY3" fmla="*/ 1095949 h 1107425"/>
            <a:gd name="connsiteX4" fmla="*/ 1635316 w 1635316"/>
            <a:gd name="connsiteY4" fmla="*/ 923811 h 1107425"/>
            <a:gd name="connsiteX5" fmla="*/ 1612364 w 1635316"/>
            <a:gd name="connsiteY5" fmla="*/ 0 h 1107425"/>
            <a:gd name="connsiteX6" fmla="*/ 5738 w 1635316"/>
            <a:gd name="connsiteY6" fmla="*/ 5738 h 1107425"/>
            <a:gd name="connsiteX0" fmla="*/ 5738 w 1635316"/>
            <a:gd name="connsiteY0" fmla="*/ 5738 h 1107425"/>
            <a:gd name="connsiteX1" fmla="*/ 0 w 1635316"/>
            <a:gd name="connsiteY1" fmla="*/ 1015618 h 1107425"/>
            <a:gd name="connsiteX2" fmla="*/ 218042 w 1635316"/>
            <a:gd name="connsiteY2" fmla="*/ 1107425 h 1107425"/>
            <a:gd name="connsiteX3" fmla="*/ 1474653 w 1635316"/>
            <a:gd name="connsiteY3" fmla="*/ 1095949 h 1107425"/>
            <a:gd name="connsiteX4" fmla="*/ 1635316 w 1635316"/>
            <a:gd name="connsiteY4" fmla="*/ 923811 h 1107425"/>
            <a:gd name="connsiteX5" fmla="*/ 1612364 w 1635316"/>
            <a:gd name="connsiteY5" fmla="*/ 0 h 1107425"/>
            <a:gd name="connsiteX6" fmla="*/ 5738 w 1635316"/>
            <a:gd name="connsiteY6" fmla="*/ 5738 h 1107425"/>
            <a:gd name="connsiteX0" fmla="*/ 5738 w 1635316"/>
            <a:gd name="connsiteY0" fmla="*/ 5738 h 1115311"/>
            <a:gd name="connsiteX1" fmla="*/ 0 w 1635316"/>
            <a:gd name="connsiteY1" fmla="*/ 1015618 h 1115311"/>
            <a:gd name="connsiteX2" fmla="*/ 194306 w 1635316"/>
            <a:gd name="connsiteY2" fmla="*/ 1115311 h 1115311"/>
            <a:gd name="connsiteX3" fmla="*/ 1474653 w 1635316"/>
            <a:gd name="connsiteY3" fmla="*/ 1095949 h 1115311"/>
            <a:gd name="connsiteX4" fmla="*/ 1635316 w 1635316"/>
            <a:gd name="connsiteY4" fmla="*/ 923811 h 1115311"/>
            <a:gd name="connsiteX5" fmla="*/ 1612364 w 1635316"/>
            <a:gd name="connsiteY5" fmla="*/ 0 h 1115311"/>
            <a:gd name="connsiteX6" fmla="*/ 5738 w 1635316"/>
            <a:gd name="connsiteY6" fmla="*/ 5738 h 1115311"/>
            <a:gd name="connsiteX0" fmla="*/ 5738 w 1635316"/>
            <a:gd name="connsiteY0" fmla="*/ 5738 h 1115311"/>
            <a:gd name="connsiteX1" fmla="*/ 0 w 1635316"/>
            <a:gd name="connsiteY1" fmla="*/ 1055046 h 1115311"/>
            <a:gd name="connsiteX2" fmla="*/ 194306 w 1635316"/>
            <a:gd name="connsiteY2" fmla="*/ 1115311 h 1115311"/>
            <a:gd name="connsiteX3" fmla="*/ 1474653 w 1635316"/>
            <a:gd name="connsiteY3" fmla="*/ 1095949 h 1115311"/>
            <a:gd name="connsiteX4" fmla="*/ 1635316 w 1635316"/>
            <a:gd name="connsiteY4" fmla="*/ 923811 h 1115311"/>
            <a:gd name="connsiteX5" fmla="*/ 1612364 w 1635316"/>
            <a:gd name="connsiteY5" fmla="*/ 0 h 1115311"/>
            <a:gd name="connsiteX6" fmla="*/ 5738 w 1635316"/>
            <a:gd name="connsiteY6" fmla="*/ 5738 h 1115311"/>
            <a:gd name="connsiteX0" fmla="*/ 5738 w 1635316"/>
            <a:gd name="connsiteY0" fmla="*/ 5738 h 1115311"/>
            <a:gd name="connsiteX1" fmla="*/ 0 w 1635316"/>
            <a:gd name="connsiteY1" fmla="*/ 1055046 h 1115311"/>
            <a:gd name="connsiteX2" fmla="*/ 194306 w 1635316"/>
            <a:gd name="connsiteY2" fmla="*/ 1115311 h 1115311"/>
            <a:gd name="connsiteX3" fmla="*/ 1474653 w 1635316"/>
            <a:gd name="connsiteY3" fmla="*/ 1095949 h 1115311"/>
            <a:gd name="connsiteX4" fmla="*/ 1635316 w 1635316"/>
            <a:gd name="connsiteY4" fmla="*/ 923811 h 1115311"/>
            <a:gd name="connsiteX5" fmla="*/ 1612364 w 1635316"/>
            <a:gd name="connsiteY5" fmla="*/ 0 h 1115311"/>
            <a:gd name="connsiteX6" fmla="*/ 5738 w 1635316"/>
            <a:gd name="connsiteY6" fmla="*/ 5738 h 1115311"/>
            <a:gd name="connsiteX0" fmla="*/ 11558 w 1641136"/>
            <a:gd name="connsiteY0" fmla="*/ 5738 h 1115311"/>
            <a:gd name="connsiteX1" fmla="*/ 0 w 1641136"/>
            <a:gd name="connsiteY1" fmla="*/ 1019866 h 1115311"/>
            <a:gd name="connsiteX2" fmla="*/ 200126 w 1641136"/>
            <a:gd name="connsiteY2" fmla="*/ 1115311 h 1115311"/>
            <a:gd name="connsiteX3" fmla="*/ 1480473 w 1641136"/>
            <a:gd name="connsiteY3" fmla="*/ 1095949 h 1115311"/>
            <a:gd name="connsiteX4" fmla="*/ 1641136 w 1641136"/>
            <a:gd name="connsiteY4" fmla="*/ 923811 h 1115311"/>
            <a:gd name="connsiteX5" fmla="*/ 1618184 w 1641136"/>
            <a:gd name="connsiteY5" fmla="*/ 0 h 1115311"/>
            <a:gd name="connsiteX6" fmla="*/ 11558 w 1641136"/>
            <a:gd name="connsiteY6" fmla="*/ 5738 h 1115311"/>
            <a:gd name="connsiteX0" fmla="*/ 11558 w 1641136"/>
            <a:gd name="connsiteY0" fmla="*/ 5738 h 1115311"/>
            <a:gd name="connsiteX1" fmla="*/ 0 w 1641136"/>
            <a:gd name="connsiteY1" fmla="*/ 1019866 h 1115311"/>
            <a:gd name="connsiteX2" fmla="*/ 200126 w 1641136"/>
            <a:gd name="connsiteY2" fmla="*/ 1115311 h 1115311"/>
            <a:gd name="connsiteX3" fmla="*/ 1480473 w 1641136"/>
            <a:gd name="connsiteY3" fmla="*/ 1095949 h 1115311"/>
            <a:gd name="connsiteX4" fmla="*/ 1641136 w 1641136"/>
            <a:gd name="connsiteY4" fmla="*/ 923811 h 1115311"/>
            <a:gd name="connsiteX5" fmla="*/ 1618184 w 1641136"/>
            <a:gd name="connsiteY5" fmla="*/ 0 h 1115311"/>
            <a:gd name="connsiteX6" fmla="*/ 11558 w 1641136"/>
            <a:gd name="connsiteY6" fmla="*/ 5738 h 1115311"/>
            <a:gd name="connsiteX0" fmla="*/ 11558 w 1641136"/>
            <a:gd name="connsiteY0" fmla="*/ 5738 h 1097720"/>
            <a:gd name="connsiteX1" fmla="*/ 0 w 1641136"/>
            <a:gd name="connsiteY1" fmla="*/ 1019866 h 1097720"/>
            <a:gd name="connsiteX2" fmla="*/ 200126 w 1641136"/>
            <a:gd name="connsiteY2" fmla="*/ 1097720 h 1097720"/>
            <a:gd name="connsiteX3" fmla="*/ 1480473 w 1641136"/>
            <a:gd name="connsiteY3" fmla="*/ 1095949 h 1097720"/>
            <a:gd name="connsiteX4" fmla="*/ 1641136 w 1641136"/>
            <a:gd name="connsiteY4" fmla="*/ 923811 h 1097720"/>
            <a:gd name="connsiteX5" fmla="*/ 1618184 w 1641136"/>
            <a:gd name="connsiteY5" fmla="*/ 0 h 1097720"/>
            <a:gd name="connsiteX6" fmla="*/ 11558 w 1641136"/>
            <a:gd name="connsiteY6" fmla="*/ 5738 h 1097720"/>
            <a:gd name="connsiteX0" fmla="*/ 11558 w 1641136"/>
            <a:gd name="connsiteY0" fmla="*/ 5738 h 1097720"/>
            <a:gd name="connsiteX1" fmla="*/ 0 w 1641136"/>
            <a:gd name="connsiteY1" fmla="*/ 1019866 h 1097720"/>
            <a:gd name="connsiteX2" fmla="*/ 200126 w 1641136"/>
            <a:gd name="connsiteY2" fmla="*/ 1097720 h 1097720"/>
            <a:gd name="connsiteX3" fmla="*/ 1480473 w 1641136"/>
            <a:gd name="connsiteY3" fmla="*/ 1095949 h 1097720"/>
            <a:gd name="connsiteX4" fmla="*/ 1641136 w 1641136"/>
            <a:gd name="connsiteY4" fmla="*/ 923811 h 1097720"/>
            <a:gd name="connsiteX5" fmla="*/ 1618184 w 1641136"/>
            <a:gd name="connsiteY5" fmla="*/ 0 h 1097720"/>
            <a:gd name="connsiteX6" fmla="*/ 11558 w 1641136"/>
            <a:gd name="connsiteY6" fmla="*/ 5738 h 109772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Lst>
          <a:rect l="l" t="t" r="r" b="b"/>
          <a:pathLst>
            <a:path w="1641136" h="1097720">
              <a:moveTo>
                <a:pt x="11558" y="5738"/>
              </a:moveTo>
              <a:cubicBezTo>
                <a:pt x="9645" y="342365"/>
                <a:pt x="1913" y="683239"/>
                <a:pt x="0" y="1019866"/>
              </a:cubicBezTo>
              <a:cubicBezTo>
                <a:pt x="63200" y="1084794"/>
                <a:pt x="104495" y="1078845"/>
                <a:pt x="200126" y="1097720"/>
              </a:cubicBezTo>
              <a:lnTo>
                <a:pt x="1480473" y="1095949"/>
              </a:lnTo>
              <a:cubicBezTo>
                <a:pt x="1562717" y="1067259"/>
                <a:pt x="1610534" y="1021356"/>
                <a:pt x="1641136" y="923811"/>
              </a:cubicBezTo>
              <a:lnTo>
                <a:pt x="1618184" y="0"/>
              </a:lnTo>
              <a:lnTo>
                <a:pt x="11558" y="5738"/>
              </a:lnTo>
              <a:close/>
            </a:path>
          </a:pathLst>
        </a:custGeom>
        <a:noFill/>
        <a:ln>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26</xdr:col>
      <xdr:colOff>138462</xdr:colOff>
      <xdr:row>6</xdr:row>
      <xdr:rowOff>127369</xdr:rowOff>
    </xdr:from>
    <xdr:to>
      <xdr:col>44</xdr:col>
      <xdr:colOff>99697</xdr:colOff>
      <xdr:row>15</xdr:row>
      <xdr:rowOff>83067</xdr:rowOff>
    </xdr:to>
    <xdr:sp macro="" textlink="">
      <xdr:nvSpPr>
        <xdr:cNvPr id="40" name="フリーフォーム 39"/>
        <xdr:cNvSpPr/>
      </xdr:nvSpPr>
      <xdr:spPr>
        <a:xfrm>
          <a:off x="4313956" y="991264"/>
          <a:ext cx="2851962" cy="1251541"/>
        </a:xfrm>
        <a:custGeom>
          <a:avLst/>
          <a:gdLst>
            <a:gd name="connsiteX0" fmla="*/ 0 w 2685362"/>
            <a:gd name="connsiteY0" fmla="*/ 40166 h 1170542"/>
            <a:gd name="connsiteX1" fmla="*/ 45904 w 2685362"/>
            <a:gd name="connsiteY1" fmla="*/ 992666 h 1170542"/>
            <a:gd name="connsiteX2" fmla="*/ 86070 w 2685362"/>
            <a:gd name="connsiteY2" fmla="*/ 1090211 h 1170542"/>
            <a:gd name="connsiteX3" fmla="*/ 218042 w 2685362"/>
            <a:gd name="connsiteY3" fmla="*/ 1170542 h 1170542"/>
            <a:gd name="connsiteX4" fmla="*/ 2547651 w 2685362"/>
            <a:gd name="connsiteY4" fmla="*/ 1170542 h 1170542"/>
            <a:gd name="connsiteX5" fmla="*/ 2685362 w 2685362"/>
            <a:gd name="connsiteY5" fmla="*/ 1101687 h 1170542"/>
            <a:gd name="connsiteX6" fmla="*/ 2662410 w 2685362"/>
            <a:gd name="connsiteY6" fmla="*/ 0 h 1170542"/>
            <a:gd name="connsiteX7" fmla="*/ 0 w 2685362"/>
            <a:gd name="connsiteY7" fmla="*/ 40166 h 1170542"/>
            <a:gd name="connsiteX0" fmla="*/ 0 w 2685362"/>
            <a:gd name="connsiteY0" fmla="*/ 40166 h 1170542"/>
            <a:gd name="connsiteX1" fmla="*/ 26122 w 2685362"/>
            <a:gd name="connsiteY1" fmla="*/ 972874 h 1170542"/>
            <a:gd name="connsiteX2" fmla="*/ 86070 w 2685362"/>
            <a:gd name="connsiteY2" fmla="*/ 1090211 h 1170542"/>
            <a:gd name="connsiteX3" fmla="*/ 218042 w 2685362"/>
            <a:gd name="connsiteY3" fmla="*/ 1170542 h 1170542"/>
            <a:gd name="connsiteX4" fmla="*/ 2547651 w 2685362"/>
            <a:gd name="connsiteY4" fmla="*/ 1170542 h 1170542"/>
            <a:gd name="connsiteX5" fmla="*/ 2685362 w 2685362"/>
            <a:gd name="connsiteY5" fmla="*/ 1101687 h 1170542"/>
            <a:gd name="connsiteX6" fmla="*/ 2662410 w 2685362"/>
            <a:gd name="connsiteY6" fmla="*/ 0 h 1170542"/>
            <a:gd name="connsiteX7" fmla="*/ 0 w 2685362"/>
            <a:gd name="connsiteY7" fmla="*/ 40166 h 1170542"/>
            <a:gd name="connsiteX0" fmla="*/ 0 w 2685362"/>
            <a:gd name="connsiteY0" fmla="*/ 40166 h 1170542"/>
            <a:gd name="connsiteX1" fmla="*/ 26122 w 2685362"/>
            <a:gd name="connsiteY1" fmla="*/ 972874 h 1170542"/>
            <a:gd name="connsiteX2" fmla="*/ 86070 w 2685362"/>
            <a:gd name="connsiteY2" fmla="*/ 1090211 h 1170542"/>
            <a:gd name="connsiteX3" fmla="*/ 203206 w 2685362"/>
            <a:gd name="connsiteY3" fmla="*/ 1145803 h 1170542"/>
            <a:gd name="connsiteX4" fmla="*/ 2547651 w 2685362"/>
            <a:gd name="connsiteY4" fmla="*/ 1170542 h 1170542"/>
            <a:gd name="connsiteX5" fmla="*/ 2685362 w 2685362"/>
            <a:gd name="connsiteY5" fmla="*/ 1101687 h 1170542"/>
            <a:gd name="connsiteX6" fmla="*/ 2662410 w 2685362"/>
            <a:gd name="connsiteY6" fmla="*/ 0 h 1170542"/>
            <a:gd name="connsiteX7" fmla="*/ 0 w 2685362"/>
            <a:gd name="connsiteY7" fmla="*/ 40166 h 1170542"/>
            <a:gd name="connsiteX0" fmla="*/ 0 w 2685362"/>
            <a:gd name="connsiteY0" fmla="*/ 40166 h 1170542"/>
            <a:gd name="connsiteX1" fmla="*/ 26122 w 2685362"/>
            <a:gd name="connsiteY1" fmla="*/ 972874 h 1170542"/>
            <a:gd name="connsiteX2" fmla="*/ 86070 w 2685362"/>
            <a:gd name="connsiteY2" fmla="*/ 1090211 h 1170542"/>
            <a:gd name="connsiteX3" fmla="*/ 203206 w 2685362"/>
            <a:gd name="connsiteY3" fmla="*/ 1145803 h 1170542"/>
            <a:gd name="connsiteX4" fmla="*/ 249959 w 2685362"/>
            <a:gd name="connsiteY4" fmla="*/ 1140677 h 1170542"/>
            <a:gd name="connsiteX5" fmla="*/ 2547651 w 2685362"/>
            <a:gd name="connsiteY5" fmla="*/ 1170542 h 1170542"/>
            <a:gd name="connsiteX6" fmla="*/ 2685362 w 2685362"/>
            <a:gd name="connsiteY6" fmla="*/ 1101687 h 1170542"/>
            <a:gd name="connsiteX7" fmla="*/ 2662410 w 2685362"/>
            <a:gd name="connsiteY7" fmla="*/ 0 h 1170542"/>
            <a:gd name="connsiteX8" fmla="*/ 0 w 2685362"/>
            <a:gd name="connsiteY8" fmla="*/ 40166 h 1170542"/>
            <a:gd name="connsiteX0" fmla="*/ 0 w 2685362"/>
            <a:gd name="connsiteY0" fmla="*/ 40166 h 1170542"/>
            <a:gd name="connsiteX1" fmla="*/ 26122 w 2685362"/>
            <a:gd name="connsiteY1" fmla="*/ 972874 h 1170542"/>
            <a:gd name="connsiteX2" fmla="*/ 86070 w 2685362"/>
            <a:gd name="connsiteY2" fmla="*/ 1090211 h 1170542"/>
            <a:gd name="connsiteX3" fmla="*/ 203206 w 2685362"/>
            <a:gd name="connsiteY3" fmla="*/ 1145803 h 1170542"/>
            <a:gd name="connsiteX4" fmla="*/ 324141 w 2685362"/>
            <a:gd name="connsiteY4" fmla="*/ 1031826 h 1170542"/>
            <a:gd name="connsiteX5" fmla="*/ 2547651 w 2685362"/>
            <a:gd name="connsiteY5" fmla="*/ 1170542 h 1170542"/>
            <a:gd name="connsiteX6" fmla="*/ 2685362 w 2685362"/>
            <a:gd name="connsiteY6" fmla="*/ 1101687 h 1170542"/>
            <a:gd name="connsiteX7" fmla="*/ 2662410 w 2685362"/>
            <a:gd name="connsiteY7" fmla="*/ 0 h 1170542"/>
            <a:gd name="connsiteX8" fmla="*/ 0 w 2685362"/>
            <a:gd name="connsiteY8" fmla="*/ 40166 h 1170542"/>
            <a:gd name="connsiteX0" fmla="*/ 0 w 2685362"/>
            <a:gd name="connsiteY0" fmla="*/ 40166 h 1170542"/>
            <a:gd name="connsiteX1" fmla="*/ 26122 w 2685362"/>
            <a:gd name="connsiteY1" fmla="*/ 972874 h 1170542"/>
            <a:gd name="connsiteX2" fmla="*/ 86070 w 2685362"/>
            <a:gd name="connsiteY2" fmla="*/ 1090211 h 1170542"/>
            <a:gd name="connsiteX3" fmla="*/ 203206 w 2685362"/>
            <a:gd name="connsiteY3" fmla="*/ 1145803 h 1170542"/>
            <a:gd name="connsiteX4" fmla="*/ 324141 w 2685362"/>
            <a:gd name="connsiteY4" fmla="*/ 1130782 h 1170542"/>
            <a:gd name="connsiteX5" fmla="*/ 2547651 w 2685362"/>
            <a:gd name="connsiteY5" fmla="*/ 1170542 h 1170542"/>
            <a:gd name="connsiteX6" fmla="*/ 2685362 w 2685362"/>
            <a:gd name="connsiteY6" fmla="*/ 1101687 h 1170542"/>
            <a:gd name="connsiteX7" fmla="*/ 2662410 w 2685362"/>
            <a:gd name="connsiteY7" fmla="*/ 0 h 1170542"/>
            <a:gd name="connsiteX8" fmla="*/ 0 w 2685362"/>
            <a:gd name="connsiteY8" fmla="*/ 40166 h 1170542"/>
            <a:gd name="connsiteX0" fmla="*/ 0 w 2685362"/>
            <a:gd name="connsiteY0" fmla="*/ 40166 h 1170542"/>
            <a:gd name="connsiteX1" fmla="*/ 26122 w 2685362"/>
            <a:gd name="connsiteY1" fmla="*/ 972874 h 1170542"/>
            <a:gd name="connsiteX2" fmla="*/ 86070 w 2685362"/>
            <a:gd name="connsiteY2" fmla="*/ 1090211 h 1170542"/>
            <a:gd name="connsiteX3" fmla="*/ 203206 w 2685362"/>
            <a:gd name="connsiteY3" fmla="*/ 1145803 h 1170542"/>
            <a:gd name="connsiteX4" fmla="*/ 324141 w 2685362"/>
            <a:gd name="connsiteY4" fmla="*/ 1130782 h 1170542"/>
            <a:gd name="connsiteX5" fmla="*/ 452725 w 2685362"/>
            <a:gd name="connsiteY5" fmla="*/ 1140677 h 1170542"/>
            <a:gd name="connsiteX6" fmla="*/ 2547651 w 2685362"/>
            <a:gd name="connsiteY6" fmla="*/ 1170542 h 1170542"/>
            <a:gd name="connsiteX7" fmla="*/ 2685362 w 2685362"/>
            <a:gd name="connsiteY7" fmla="*/ 1101687 h 1170542"/>
            <a:gd name="connsiteX8" fmla="*/ 2662410 w 2685362"/>
            <a:gd name="connsiteY8" fmla="*/ 0 h 1170542"/>
            <a:gd name="connsiteX9" fmla="*/ 0 w 2685362"/>
            <a:gd name="connsiteY9" fmla="*/ 40166 h 1170542"/>
            <a:gd name="connsiteX0" fmla="*/ 0 w 2685362"/>
            <a:gd name="connsiteY0" fmla="*/ 40166 h 1170542"/>
            <a:gd name="connsiteX1" fmla="*/ 26122 w 2685362"/>
            <a:gd name="connsiteY1" fmla="*/ 972874 h 1170542"/>
            <a:gd name="connsiteX2" fmla="*/ 86070 w 2685362"/>
            <a:gd name="connsiteY2" fmla="*/ 1090211 h 1170542"/>
            <a:gd name="connsiteX3" fmla="*/ 203206 w 2685362"/>
            <a:gd name="connsiteY3" fmla="*/ 1145803 h 1170542"/>
            <a:gd name="connsiteX4" fmla="*/ 324141 w 2685362"/>
            <a:gd name="connsiteY4" fmla="*/ 1130782 h 1170542"/>
            <a:gd name="connsiteX5" fmla="*/ 452725 w 2685362"/>
            <a:gd name="connsiteY5" fmla="*/ 1096148 h 1170542"/>
            <a:gd name="connsiteX6" fmla="*/ 2547651 w 2685362"/>
            <a:gd name="connsiteY6" fmla="*/ 1170542 h 1170542"/>
            <a:gd name="connsiteX7" fmla="*/ 2685362 w 2685362"/>
            <a:gd name="connsiteY7" fmla="*/ 1101687 h 1170542"/>
            <a:gd name="connsiteX8" fmla="*/ 2662410 w 2685362"/>
            <a:gd name="connsiteY8" fmla="*/ 0 h 1170542"/>
            <a:gd name="connsiteX9" fmla="*/ 0 w 2685362"/>
            <a:gd name="connsiteY9" fmla="*/ 40166 h 1170542"/>
            <a:gd name="connsiteX0" fmla="*/ 0 w 2685362"/>
            <a:gd name="connsiteY0" fmla="*/ 40166 h 1170542"/>
            <a:gd name="connsiteX1" fmla="*/ 26122 w 2685362"/>
            <a:gd name="connsiteY1" fmla="*/ 972874 h 1170542"/>
            <a:gd name="connsiteX2" fmla="*/ 86070 w 2685362"/>
            <a:gd name="connsiteY2" fmla="*/ 1090211 h 1170542"/>
            <a:gd name="connsiteX3" fmla="*/ 203206 w 2685362"/>
            <a:gd name="connsiteY3" fmla="*/ 1145803 h 1170542"/>
            <a:gd name="connsiteX4" fmla="*/ 324141 w 2685362"/>
            <a:gd name="connsiteY4" fmla="*/ 1130782 h 1170542"/>
            <a:gd name="connsiteX5" fmla="*/ 452725 w 2685362"/>
            <a:gd name="connsiteY5" fmla="*/ 1096148 h 1170542"/>
            <a:gd name="connsiteX6" fmla="*/ 942332 w 2685362"/>
            <a:gd name="connsiteY6" fmla="*/ 1106042 h 1170542"/>
            <a:gd name="connsiteX7" fmla="*/ 2547651 w 2685362"/>
            <a:gd name="connsiteY7" fmla="*/ 1170542 h 1170542"/>
            <a:gd name="connsiteX8" fmla="*/ 2685362 w 2685362"/>
            <a:gd name="connsiteY8" fmla="*/ 1101687 h 1170542"/>
            <a:gd name="connsiteX9" fmla="*/ 2662410 w 2685362"/>
            <a:gd name="connsiteY9" fmla="*/ 0 h 1170542"/>
            <a:gd name="connsiteX10" fmla="*/ 0 w 2685362"/>
            <a:gd name="connsiteY10" fmla="*/ 40166 h 1170542"/>
            <a:gd name="connsiteX0" fmla="*/ 0 w 2685362"/>
            <a:gd name="connsiteY0" fmla="*/ 40166 h 1170542"/>
            <a:gd name="connsiteX1" fmla="*/ 26122 w 2685362"/>
            <a:gd name="connsiteY1" fmla="*/ 972874 h 1170542"/>
            <a:gd name="connsiteX2" fmla="*/ 86070 w 2685362"/>
            <a:gd name="connsiteY2" fmla="*/ 1090211 h 1170542"/>
            <a:gd name="connsiteX3" fmla="*/ 203206 w 2685362"/>
            <a:gd name="connsiteY3" fmla="*/ 1145803 h 1170542"/>
            <a:gd name="connsiteX4" fmla="*/ 324141 w 2685362"/>
            <a:gd name="connsiteY4" fmla="*/ 1130782 h 1170542"/>
            <a:gd name="connsiteX5" fmla="*/ 452725 w 2685362"/>
            <a:gd name="connsiteY5" fmla="*/ 1096148 h 1170542"/>
            <a:gd name="connsiteX6" fmla="*/ 976951 w 2685362"/>
            <a:gd name="connsiteY6" fmla="*/ 1086251 h 1170542"/>
            <a:gd name="connsiteX7" fmla="*/ 2547651 w 2685362"/>
            <a:gd name="connsiteY7" fmla="*/ 1170542 h 1170542"/>
            <a:gd name="connsiteX8" fmla="*/ 2685362 w 2685362"/>
            <a:gd name="connsiteY8" fmla="*/ 1101687 h 1170542"/>
            <a:gd name="connsiteX9" fmla="*/ 2662410 w 2685362"/>
            <a:gd name="connsiteY9" fmla="*/ 0 h 1170542"/>
            <a:gd name="connsiteX10" fmla="*/ 0 w 2685362"/>
            <a:gd name="connsiteY10" fmla="*/ 40166 h 1170542"/>
            <a:gd name="connsiteX0" fmla="*/ 0 w 2685362"/>
            <a:gd name="connsiteY0" fmla="*/ 40166 h 1170542"/>
            <a:gd name="connsiteX1" fmla="*/ 26122 w 2685362"/>
            <a:gd name="connsiteY1" fmla="*/ 972874 h 1170542"/>
            <a:gd name="connsiteX2" fmla="*/ 86070 w 2685362"/>
            <a:gd name="connsiteY2" fmla="*/ 1090211 h 1170542"/>
            <a:gd name="connsiteX3" fmla="*/ 203206 w 2685362"/>
            <a:gd name="connsiteY3" fmla="*/ 1145803 h 1170542"/>
            <a:gd name="connsiteX4" fmla="*/ 324141 w 2685362"/>
            <a:gd name="connsiteY4" fmla="*/ 1130782 h 1170542"/>
            <a:gd name="connsiteX5" fmla="*/ 452725 w 2685362"/>
            <a:gd name="connsiteY5" fmla="*/ 1096148 h 1170542"/>
            <a:gd name="connsiteX6" fmla="*/ 976951 w 2685362"/>
            <a:gd name="connsiteY6" fmla="*/ 1086251 h 1170542"/>
            <a:gd name="connsiteX7" fmla="*/ 1080807 w 2685362"/>
            <a:gd name="connsiteY7" fmla="*/ 1135729 h 1170542"/>
            <a:gd name="connsiteX8" fmla="*/ 2547651 w 2685362"/>
            <a:gd name="connsiteY8" fmla="*/ 1170542 h 1170542"/>
            <a:gd name="connsiteX9" fmla="*/ 2685362 w 2685362"/>
            <a:gd name="connsiteY9" fmla="*/ 1101687 h 1170542"/>
            <a:gd name="connsiteX10" fmla="*/ 2662410 w 2685362"/>
            <a:gd name="connsiteY10" fmla="*/ 0 h 1170542"/>
            <a:gd name="connsiteX11" fmla="*/ 0 w 2685362"/>
            <a:gd name="connsiteY11" fmla="*/ 40166 h 1170542"/>
            <a:gd name="connsiteX0" fmla="*/ 0 w 2685362"/>
            <a:gd name="connsiteY0" fmla="*/ 40166 h 1170542"/>
            <a:gd name="connsiteX1" fmla="*/ 26122 w 2685362"/>
            <a:gd name="connsiteY1" fmla="*/ 972874 h 1170542"/>
            <a:gd name="connsiteX2" fmla="*/ 86070 w 2685362"/>
            <a:gd name="connsiteY2" fmla="*/ 1090211 h 1170542"/>
            <a:gd name="connsiteX3" fmla="*/ 203206 w 2685362"/>
            <a:gd name="connsiteY3" fmla="*/ 1145803 h 1170542"/>
            <a:gd name="connsiteX4" fmla="*/ 324141 w 2685362"/>
            <a:gd name="connsiteY4" fmla="*/ 1130782 h 1170542"/>
            <a:gd name="connsiteX5" fmla="*/ 452725 w 2685362"/>
            <a:gd name="connsiteY5" fmla="*/ 1096148 h 1170542"/>
            <a:gd name="connsiteX6" fmla="*/ 566472 w 2685362"/>
            <a:gd name="connsiteY6" fmla="*/ 1130781 h 1170542"/>
            <a:gd name="connsiteX7" fmla="*/ 976951 w 2685362"/>
            <a:gd name="connsiteY7" fmla="*/ 1086251 h 1170542"/>
            <a:gd name="connsiteX8" fmla="*/ 1080807 w 2685362"/>
            <a:gd name="connsiteY8" fmla="*/ 1135729 h 1170542"/>
            <a:gd name="connsiteX9" fmla="*/ 2547651 w 2685362"/>
            <a:gd name="connsiteY9" fmla="*/ 1170542 h 1170542"/>
            <a:gd name="connsiteX10" fmla="*/ 2685362 w 2685362"/>
            <a:gd name="connsiteY10" fmla="*/ 1101687 h 1170542"/>
            <a:gd name="connsiteX11" fmla="*/ 2662410 w 2685362"/>
            <a:gd name="connsiteY11" fmla="*/ 0 h 1170542"/>
            <a:gd name="connsiteX12" fmla="*/ 0 w 2685362"/>
            <a:gd name="connsiteY12" fmla="*/ 40166 h 1170542"/>
            <a:gd name="connsiteX0" fmla="*/ 0 w 2685362"/>
            <a:gd name="connsiteY0" fmla="*/ 40166 h 1170542"/>
            <a:gd name="connsiteX1" fmla="*/ 26122 w 2685362"/>
            <a:gd name="connsiteY1" fmla="*/ 972874 h 1170542"/>
            <a:gd name="connsiteX2" fmla="*/ 86070 w 2685362"/>
            <a:gd name="connsiteY2" fmla="*/ 1090211 h 1170542"/>
            <a:gd name="connsiteX3" fmla="*/ 203206 w 2685362"/>
            <a:gd name="connsiteY3" fmla="*/ 1145803 h 1170542"/>
            <a:gd name="connsiteX4" fmla="*/ 327189 w 2685362"/>
            <a:gd name="connsiteY4" fmla="*/ 1149091 h 1170542"/>
            <a:gd name="connsiteX5" fmla="*/ 452725 w 2685362"/>
            <a:gd name="connsiteY5" fmla="*/ 1096148 h 1170542"/>
            <a:gd name="connsiteX6" fmla="*/ 566472 w 2685362"/>
            <a:gd name="connsiteY6" fmla="*/ 1130781 h 1170542"/>
            <a:gd name="connsiteX7" fmla="*/ 976951 w 2685362"/>
            <a:gd name="connsiteY7" fmla="*/ 1086251 h 1170542"/>
            <a:gd name="connsiteX8" fmla="*/ 1080807 w 2685362"/>
            <a:gd name="connsiteY8" fmla="*/ 1135729 h 1170542"/>
            <a:gd name="connsiteX9" fmla="*/ 2547651 w 2685362"/>
            <a:gd name="connsiteY9" fmla="*/ 1170542 h 1170542"/>
            <a:gd name="connsiteX10" fmla="*/ 2685362 w 2685362"/>
            <a:gd name="connsiteY10" fmla="*/ 1101687 h 1170542"/>
            <a:gd name="connsiteX11" fmla="*/ 2662410 w 2685362"/>
            <a:gd name="connsiteY11" fmla="*/ 0 h 1170542"/>
            <a:gd name="connsiteX12" fmla="*/ 0 w 2685362"/>
            <a:gd name="connsiteY12" fmla="*/ 40166 h 1170542"/>
            <a:gd name="connsiteX0" fmla="*/ 0 w 2685362"/>
            <a:gd name="connsiteY0" fmla="*/ 40166 h 1170542"/>
            <a:gd name="connsiteX1" fmla="*/ 26122 w 2685362"/>
            <a:gd name="connsiteY1" fmla="*/ 972874 h 1170542"/>
            <a:gd name="connsiteX2" fmla="*/ 86070 w 2685362"/>
            <a:gd name="connsiteY2" fmla="*/ 1090211 h 1170542"/>
            <a:gd name="connsiteX3" fmla="*/ 203206 w 2685362"/>
            <a:gd name="connsiteY3" fmla="*/ 1145803 h 1170542"/>
            <a:gd name="connsiteX4" fmla="*/ 327189 w 2685362"/>
            <a:gd name="connsiteY4" fmla="*/ 1149091 h 1170542"/>
            <a:gd name="connsiteX5" fmla="*/ 550275 w 2685362"/>
            <a:gd name="connsiteY5" fmla="*/ 1062583 h 1170542"/>
            <a:gd name="connsiteX6" fmla="*/ 566472 w 2685362"/>
            <a:gd name="connsiteY6" fmla="*/ 1130781 h 1170542"/>
            <a:gd name="connsiteX7" fmla="*/ 976951 w 2685362"/>
            <a:gd name="connsiteY7" fmla="*/ 1086251 h 1170542"/>
            <a:gd name="connsiteX8" fmla="*/ 1080807 w 2685362"/>
            <a:gd name="connsiteY8" fmla="*/ 1135729 h 1170542"/>
            <a:gd name="connsiteX9" fmla="*/ 2547651 w 2685362"/>
            <a:gd name="connsiteY9" fmla="*/ 1170542 h 1170542"/>
            <a:gd name="connsiteX10" fmla="*/ 2685362 w 2685362"/>
            <a:gd name="connsiteY10" fmla="*/ 1101687 h 1170542"/>
            <a:gd name="connsiteX11" fmla="*/ 2662410 w 2685362"/>
            <a:gd name="connsiteY11" fmla="*/ 0 h 1170542"/>
            <a:gd name="connsiteX12" fmla="*/ 0 w 2685362"/>
            <a:gd name="connsiteY12" fmla="*/ 40166 h 1170542"/>
            <a:gd name="connsiteX0" fmla="*/ 0 w 2685362"/>
            <a:gd name="connsiteY0" fmla="*/ 40166 h 1170542"/>
            <a:gd name="connsiteX1" fmla="*/ 26122 w 2685362"/>
            <a:gd name="connsiteY1" fmla="*/ 972874 h 1170542"/>
            <a:gd name="connsiteX2" fmla="*/ 86070 w 2685362"/>
            <a:gd name="connsiteY2" fmla="*/ 1090211 h 1170542"/>
            <a:gd name="connsiteX3" fmla="*/ 203206 w 2685362"/>
            <a:gd name="connsiteY3" fmla="*/ 1145803 h 1170542"/>
            <a:gd name="connsiteX4" fmla="*/ 327189 w 2685362"/>
            <a:gd name="connsiteY4" fmla="*/ 1149091 h 1170542"/>
            <a:gd name="connsiteX5" fmla="*/ 550275 w 2685362"/>
            <a:gd name="connsiteY5" fmla="*/ 1062583 h 1170542"/>
            <a:gd name="connsiteX6" fmla="*/ 648780 w 2685362"/>
            <a:gd name="connsiteY6" fmla="*/ 1033138 h 1170542"/>
            <a:gd name="connsiteX7" fmla="*/ 976951 w 2685362"/>
            <a:gd name="connsiteY7" fmla="*/ 1086251 h 1170542"/>
            <a:gd name="connsiteX8" fmla="*/ 1080807 w 2685362"/>
            <a:gd name="connsiteY8" fmla="*/ 1135729 h 1170542"/>
            <a:gd name="connsiteX9" fmla="*/ 2547651 w 2685362"/>
            <a:gd name="connsiteY9" fmla="*/ 1170542 h 1170542"/>
            <a:gd name="connsiteX10" fmla="*/ 2685362 w 2685362"/>
            <a:gd name="connsiteY10" fmla="*/ 1101687 h 1170542"/>
            <a:gd name="connsiteX11" fmla="*/ 2662410 w 2685362"/>
            <a:gd name="connsiteY11" fmla="*/ 0 h 1170542"/>
            <a:gd name="connsiteX12" fmla="*/ 0 w 2685362"/>
            <a:gd name="connsiteY12" fmla="*/ 40166 h 1170542"/>
            <a:gd name="connsiteX0" fmla="*/ 0 w 2685362"/>
            <a:gd name="connsiteY0" fmla="*/ 40166 h 1170542"/>
            <a:gd name="connsiteX1" fmla="*/ 26122 w 2685362"/>
            <a:gd name="connsiteY1" fmla="*/ 972874 h 1170542"/>
            <a:gd name="connsiteX2" fmla="*/ 86070 w 2685362"/>
            <a:gd name="connsiteY2" fmla="*/ 1090211 h 1170542"/>
            <a:gd name="connsiteX3" fmla="*/ 203206 w 2685362"/>
            <a:gd name="connsiteY3" fmla="*/ 1145803 h 1170542"/>
            <a:gd name="connsiteX4" fmla="*/ 327189 w 2685362"/>
            <a:gd name="connsiteY4" fmla="*/ 1149091 h 1170542"/>
            <a:gd name="connsiteX5" fmla="*/ 580759 w 2685362"/>
            <a:gd name="connsiteY5" fmla="*/ 1141918 h 1170542"/>
            <a:gd name="connsiteX6" fmla="*/ 648780 w 2685362"/>
            <a:gd name="connsiteY6" fmla="*/ 1033138 h 1170542"/>
            <a:gd name="connsiteX7" fmla="*/ 976951 w 2685362"/>
            <a:gd name="connsiteY7" fmla="*/ 1086251 h 1170542"/>
            <a:gd name="connsiteX8" fmla="*/ 1080807 w 2685362"/>
            <a:gd name="connsiteY8" fmla="*/ 1135729 h 1170542"/>
            <a:gd name="connsiteX9" fmla="*/ 2547651 w 2685362"/>
            <a:gd name="connsiteY9" fmla="*/ 1170542 h 1170542"/>
            <a:gd name="connsiteX10" fmla="*/ 2685362 w 2685362"/>
            <a:gd name="connsiteY10" fmla="*/ 1101687 h 1170542"/>
            <a:gd name="connsiteX11" fmla="*/ 2662410 w 2685362"/>
            <a:gd name="connsiteY11" fmla="*/ 0 h 1170542"/>
            <a:gd name="connsiteX12" fmla="*/ 0 w 2685362"/>
            <a:gd name="connsiteY12" fmla="*/ 40166 h 1170542"/>
            <a:gd name="connsiteX0" fmla="*/ 0 w 2685362"/>
            <a:gd name="connsiteY0" fmla="*/ 40166 h 1170542"/>
            <a:gd name="connsiteX1" fmla="*/ 26122 w 2685362"/>
            <a:gd name="connsiteY1" fmla="*/ 972874 h 1170542"/>
            <a:gd name="connsiteX2" fmla="*/ 86070 w 2685362"/>
            <a:gd name="connsiteY2" fmla="*/ 1090211 h 1170542"/>
            <a:gd name="connsiteX3" fmla="*/ 203206 w 2685362"/>
            <a:gd name="connsiteY3" fmla="*/ 1145803 h 1170542"/>
            <a:gd name="connsiteX4" fmla="*/ 327189 w 2685362"/>
            <a:gd name="connsiteY4" fmla="*/ 1149091 h 1170542"/>
            <a:gd name="connsiteX5" fmla="*/ 580759 w 2685362"/>
            <a:gd name="connsiteY5" fmla="*/ 1141918 h 1170542"/>
            <a:gd name="connsiteX6" fmla="*/ 648780 w 2685362"/>
            <a:gd name="connsiteY6" fmla="*/ 1033138 h 1170542"/>
            <a:gd name="connsiteX7" fmla="*/ 976951 w 2685362"/>
            <a:gd name="connsiteY7" fmla="*/ 1086251 h 1170542"/>
            <a:gd name="connsiteX8" fmla="*/ 1080807 w 2685362"/>
            <a:gd name="connsiteY8" fmla="*/ 1135729 h 1170542"/>
            <a:gd name="connsiteX9" fmla="*/ 2547651 w 2685362"/>
            <a:gd name="connsiteY9" fmla="*/ 1170542 h 1170542"/>
            <a:gd name="connsiteX10" fmla="*/ 2685362 w 2685362"/>
            <a:gd name="connsiteY10" fmla="*/ 1101687 h 1170542"/>
            <a:gd name="connsiteX11" fmla="*/ 2662410 w 2685362"/>
            <a:gd name="connsiteY11" fmla="*/ 0 h 1170542"/>
            <a:gd name="connsiteX12" fmla="*/ 0 w 2685362"/>
            <a:gd name="connsiteY12" fmla="*/ 40166 h 1170542"/>
            <a:gd name="connsiteX0" fmla="*/ 0 w 2685362"/>
            <a:gd name="connsiteY0" fmla="*/ 40166 h 1170542"/>
            <a:gd name="connsiteX1" fmla="*/ 26122 w 2685362"/>
            <a:gd name="connsiteY1" fmla="*/ 972874 h 1170542"/>
            <a:gd name="connsiteX2" fmla="*/ 86070 w 2685362"/>
            <a:gd name="connsiteY2" fmla="*/ 1090211 h 1170542"/>
            <a:gd name="connsiteX3" fmla="*/ 203206 w 2685362"/>
            <a:gd name="connsiteY3" fmla="*/ 1145803 h 1170542"/>
            <a:gd name="connsiteX4" fmla="*/ 327189 w 2685362"/>
            <a:gd name="connsiteY4" fmla="*/ 1149091 h 1170542"/>
            <a:gd name="connsiteX5" fmla="*/ 580759 w 2685362"/>
            <a:gd name="connsiteY5" fmla="*/ 1141918 h 1170542"/>
            <a:gd name="connsiteX6" fmla="*/ 648780 w 2685362"/>
            <a:gd name="connsiteY6" fmla="*/ 1033138 h 1170542"/>
            <a:gd name="connsiteX7" fmla="*/ 976951 w 2685362"/>
            <a:gd name="connsiteY7" fmla="*/ 1086251 h 1170542"/>
            <a:gd name="connsiteX8" fmla="*/ 1080807 w 2685362"/>
            <a:gd name="connsiteY8" fmla="*/ 1135729 h 1170542"/>
            <a:gd name="connsiteX9" fmla="*/ 2547651 w 2685362"/>
            <a:gd name="connsiteY9" fmla="*/ 1170542 h 1170542"/>
            <a:gd name="connsiteX10" fmla="*/ 2685362 w 2685362"/>
            <a:gd name="connsiteY10" fmla="*/ 1101687 h 1170542"/>
            <a:gd name="connsiteX11" fmla="*/ 2662410 w 2685362"/>
            <a:gd name="connsiteY11" fmla="*/ 0 h 1170542"/>
            <a:gd name="connsiteX12" fmla="*/ 0 w 2685362"/>
            <a:gd name="connsiteY12" fmla="*/ 40166 h 1170542"/>
            <a:gd name="connsiteX0" fmla="*/ 0 w 2685362"/>
            <a:gd name="connsiteY0" fmla="*/ 40166 h 1170542"/>
            <a:gd name="connsiteX1" fmla="*/ 26122 w 2685362"/>
            <a:gd name="connsiteY1" fmla="*/ 972874 h 1170542"/>
            <a:gd name="connsiteX2" fmla="*/ 86070 w 2685362"/>
            <a:gd name="connsiteY2" fmla="*/ 1090211 h 1170542"/>
            <a:gd name="connsiteX3" fmla="*/ 203206 w 2685362"/>
            <a:gd name="connsiteY3" fmla="*/ 1145803 h 1170542"/>
            <a:gd name="connsiteX4" fmla="*/ 327189 w 2685362"/>
            <a:gd name="connsiteY4" fmla="*/ 1149091 h 1170542"/>
            <a:gd name="connsiteX5" fmla="*/ 580759 w 2685362"/>
            <a:gd name="connsiteY5" fmla="*/ 1141918 h 1170542"/>
            <a:gd name="connsiteX6" fmla="*/ 648780 w 2685362"/>
            <a:gd name="connsiteY6" fmla="*/ 1033138 h 1170542"/>
            <a:gd name="connsiteX7" fmla="*/ 976951 w 2685362"/>
            <a:gd name="connsiteY7" fmla="*/ 1086251 h 1170542"/>
            <a:gd name="connsiteX8" fmla="*/ 1080807 w 2685362"/>
            <a:gd name="connsiteY8" fmla="*/ 1135729 h 1170542"/>
            <a:gd name="connsiteX9" fmla="*/ 2547651 w 2685362"/>
            <a:gd name="connsiteY9" fmla="*/ 1170542 h 1170542"/>
            <a:gd name="connsiteX10" fmla="*/ 2685362 w 2685362"/>
            <a:gd name="connsiteY10" fmla="*/ 1101687 h 1170542"/>
            <a:gd name="connsiteX11" fmla="*/ 2662410 w 2685362"/>
            <a:gd name="connsiteY11" fmla="*/ 0 h 1170542"/>
            <a:gd name="connsiteX12" fmla="*/ 0 w 2685362"/>
            <a:gd name="connsiteY12" fmla="*/ 40166 h 1170542"/>
            <a:gd name="connsiteX0" fmla="*/ 0 w 2685362"/>
            <a:gd name="connsiteY0" fmla="*/ 40166 h 1170542"/>
            <a:gd name="connsiteX1" fmla="*/ 26122 w 2685362"/>
            <a:gd name="connsiteY1" fmla="*/ 972874 h 1170542"/>
            <a:gd name="connsiteX2" fmla="*/ 86070 w 2685362"/>
            <a:gd name="connsiteY2" fmla="*/ 1090211 h 1170542"/>
            <a:gd name="connsiteX3" fmla="*/ 203206 w 2685362"/>
            <a:gd name="connsiteY3" fmla="*/ 1145803 h 1170542"/>
            <a:gd name="connsiteX4" fmla="*/ 327189 w 2685362"/>
            <a:gd name="connsiteY4" fmla="*/ 1149091 h 1170542"/>
            <a:gd name="connsiteX5" fmla="*/ 580759 w 2685362"/>
            <a:gd name="connsiteY5" fmla="*/ 1141918 h 1170542"/>
            <a:gd name="connsiteX6" fmla="*/ 593909 w 2685362"/>
            <a:gd name="connsiteY6" fmla="*/ 1054498 h 1170542"/>
            <a:gd name="connsiteX7" fmla="*/ 976951 w 2685362"/>
            <a:gd name="connsiteY7" fmla="*/ 1086251 h 1170542"/>
            <a:gd name="connsiteX8" fmla="*/ 1080807 w 2685362"/>
            <a:gd name="connsiteY8" fmla="*/ 1135729 h 1170542"/>
            <a:gd name="connsiteX9" fmla="*/ 2547651 w 2685362"/>
            <a:gd name="connsiteY9" fmla="*/ 1170542 h 1170542"/>
            <a:gd name="connsiteX10" fmla="*/ 2685362 w 2685362"/>
            <a:gd name="connsiteY10" fmla="*/ 1101687 h 1170542"/>
            <a:gd name="connsiteX11" fmla="*/ 2662410 w 2685362"/>
            <a:gd name="connsiteY11" fmla="*/ 0 h 1170542"/>
            <a:gd name="connsiteX12" fmla="*/ 0 w 2685362"/>
            <a:gd name="connsiteY12" fmla="*/ 40166 h 1170542"/>
            <a:gd name="connsiteX0" fmla="*/ 0 w 2685362"/>
            <a:gd name="connsiteY0" fmla="*/ 40166 h 1170542"/>
            <a:gd name="connsiteX1" fmla="*/ 26122 w 2685362"/>
            <a:gd name="connsiteY1" fmla="*/ 972874 h 1170542"/>
            <a:gd name="connsiteX2" fmla="*/ 86070 w 2685362"/>
            <a:gd name="connsiteY2" fmla="*/ 1090211 h 1170542"/>
            <a:gd name="connsiteX3" fmla="*/ 203206 w 2685362"/>
            <a:gd name="connsiteY3" fmla="*/ 1145803 h 1170542"/>
            <a:gd name="connsiteX4" fmla="*/ 327189 w 2685362"/>
            <a:gd name="connsiteY4" fmla="*/ 1149091 h 1170542"/>
            <a:gd name="connsiteX5" fmla="*/ 580759 w 2685362"/>
            <a:gd name="connsiteY5" fmla="*/ 1141918 h 1170542"/>
            <a:gd name="connsiteX6" fmla="*/ 593909 w 2685362"/>
            <a:gd name="connsiteY6" fmla="*/ 1054498 h 1170542"/>
            <a:gd name="connsiteX7" fmla="*/ 976951 w 2685362"/>
            <a:gd name="connsiteY7" fmla="*/ 1086251 h 1170542"/>
            <a:gd name="connsiteX8" fmla="*/ 1080807 w 2685362"/>
            <a:gd name="connsiteY8" fmla="*/ 1135729 h 1170542"/>
            <a:gd name="connsiteX9" fmla="*/ 2547651 w 2685362"/>
            <a:gd name="connsiteY9" fmla="*/ 1170542 h 1170542"/>
            <a:gd name="connsiteX10" fmla="*/ 2685362 w 2685362"/>
            <a:gd name="connsiteY10" fmla="*/ 1101687 h 1170542"/>
            <a:gd name="connsiteX11" fmla="*/ 2662410 w 2685362"/>
            <a:gd name="connsiteY11" fmla="*/ 0 h 1170542"/>
            <a:gd name="connsiteX12" fmla="*/ 0 w 2685362"/>
            <a:gd name="connsiteY12" fmla="*/ 40166 h 1170542"/>
            <a:gd name="connsiteX0" fmla="*/ 0 w 2685362"/>
            <a:gd name="connsiteY0" fmla="*/ 40166 h 1170542"/>
            <a:gd name="connsiteX1" fmla="*/ 26122 w 2685362"/>
            <a:gd name="connsiteY1" fmla="*/ 972874 h 1170542"/>
            <a:gd name="connsiteX2" fmla="*/ 86070 w 2685362"/>
            <a:gd name="connsiteY2" fmla="*/ 1090211 h 1170542"/>
            <a:gd name="connsiteX3" fmla="*/ 203206 w 2685362"/>
            <a:gd name="connsiteY3" fmla="*/ 1145803 h 1170542"/>
            <a:gd name="connsiteX4" fmla="*/ 327189 w 2685362"/>
            <a:gd name="connsiteY4" fmla="*/ 1149091 h 1170542"/>
            <a:gd name="connsiteX5" fmla="*/ 580759 w 2685362"/>
            <a:gd name="connsiteY5" fmla="*/ 1141918 h 1170542"/>
            <a:gd name="connsiteX6" fmla="*/ 593909 w 2685362"/>
            <a:gd name="connsiteY6" fmla="*/ 1054498 h 1170542"/>
            <a:gd name="connsiteX7" fmla="*/ 976951 w 2685362"/>
            <a:gd name="connsiteY7" fmla="*/ 1086251 h 1170542"/>
            <a:gd name="connsiteX8" fmla="*/ 1080807 w 2685362"/>
            <a:gd name="connsiteY8" fmla="*/ 1135729 h 1170542"/>
            <a:gd name="connsiteX9" fmla="*/ 2547651 w 2685362"/>
            <a:gd name="connsiteY9" fmla="*/ 1170542 h 1170542"/>
            <a:gd name="connsiteX10" fmla="*/ 2685362 w 2685362"/>
            <a:gd name="connsiteY10" fmla="*/ 1101687 h 1170542"/>
            <a:gd name="connsiteX11" fmla="*/ 2662410 w 2685362"/>
            <a:gd name="connsiteY11" fmla="*/ 0 h 1170542"/>
            <a:gd name="connsiteX12" fmla="*/ 0 w 2685362"/>
            <a:gd name="connsiteY12" fmla="*/ 40166 h 1170542"/>
            <a:gd name="connsiteX0" fmla="*/ 0 w 2685362"/>
            <a:gd name="connsiteY0" fmla="*/ 40166 h 1170542"/>
            <a:gd name="connsiteX1" fmla="*/ 26122 w 2685362"/>
            <a:gd name="connsiteY1" fmla="*/ 972874 h 1170542"/>
            <a:gd name="connsiteX2" fmla="*/ 86070 w 2685362"/>
            <a:gd name="connsiteY2" fmla="*/ 1090211 h 1170542"/>
            <a:gd name="connsiteX3" fmla="*/ 203206 w 2685362"/>
            <a:gd name="connsiteY3" fmla="*/ 1145803 h 1170542"/>
            <a:gd name="connsiteX4" fmla="*/ 327189 w 2685362"/>
            <a:gd name="connsiteY4" fmla="*/ 1149091 h 1170542"/>
            <a:gd name="connsiteX5" fmla="*/ 591579 w 2685362"/>
            <a:gd name="connsiteY5" fmla="*/ 1150038 h 1170542"/>
            <a:gd name="connsiteX6" fmla="*/ 593909 w 2685362"/>
            <a:gd name="connsiteY6" fmla="*/ 1054498 h 1170542"/>
            <a:gd name="connsiteX7" fmla="*/ 976951 w 2685362"/>
            <a:gd name="connsiteY7" fmla="*/ 1086251 h 1170542"/>
            <a:gd name="connsiteX8" fmla="*/ 1080807 w 2685362"/>
            <a:gd name="connsiteY8" fmla="*/ 1135729 h 1170542"/>
            <a:gd name="connsiteX9" fmla="*/ 2547651 w 2685362"/>
            <a:gd name="connsiteY9" fmla="*/ 1170542 h 1170542"/>
            <a:gd name="connsiteX10" fmla="*/ 2685362 w 2685362"/>
            <a:gd name="connsiteY10" fmla="*/ 1101687 h 1170542"/>
            <a:gd name="connsiteX11" fmla="*/ 2662410 w 2685362"/>
            <a:gd name="connsiteY11" fmla="*/ 0 h 1170542"/>
            <a:gd name="connsiteX12" fmla="*/ 0 w 2685362"/>
            <a:gd name="connsiteY12" fmla="*/ 40166 h 1170542"/>
            <a:gd name="connsiteX0" fmla="*/ 0 w 2685362"/>
            <a:gd name="connsiteY0" fmla="*/ 40166 h 1170542"/>
            <a:gd name="connsiteX1" fmla="*/ 26122 w 2685362"/>
            <a:gd name="connsiteY1" fmla="*/ 972874 h 1170542"/>
            <a:gd name="connsiteX2" fmla="*/ 86070 w 2685362"/>
            <a:gd name="connsiteY2" fmla="*/ 1090211 h 1170542"/>
            <a:gd name="connsiteX3" fmla="*/ 203206 w 2685362"/>
            <a:gd name="connsiteY3" fmla="*/ 1145803 h 1170542"/>
            <a:gd name="connsiteX4" fmla="*/ 327189 w 2685362"/>
            <a:gd name="connsiteY4" fmla="*/ 1149091 h 1170542"/>
            <a:gd name="connsiteX5" fmla="*/ 591579 w 2685362"/>
            <a:gd name="connsiteY5" fmla="*/ 1150038 h 1170542"/>
            <a:gd name="connsiteX6" fmla="*/ 593909 w 2685362"/>
            <a:gd name="connsiteY6" fmla="*/ 1054498 h 1170542"/>
            <a:gd name="connsiteX7" fmla="*/ 976951 w 2685362"/>
            <a:gd name="connsiteY7" fmla="*/ 1086251 h 1170542"/>
            <a:gd name="connsiteX8" fmla="*/ 1080807 w 2685362"/>
            <a:gd name="connsiteY8" fmla="*/ 1135729 h 1170542"/>
            <a:gd name="connsiteX9" fmla="*/ 2547651 w 2685362"/>
            <a:gd name="connsiteY9" fmla="*/ 1170542 h 1170542"/>
            <a:gd name="connsiteX10" fmla="*/ 2685362 w 2685362"/>
            <a:gd name="connsiteY10" fmla="*/ 1101687 h 1170542"/>
            <a:gd name="connsiteX11" fmla="*/ 2662410 w 2685362"/>
            <a:gd name="connsiteY11" fmla="*/ 0 h 1170542"/>
            <a:gd name="connsiteX12" fmla="*/ 0 w 2685362"/>
            <a:gd name="connsiteY12" fmla="*/ 40166 h 1170542"/>
            <a:gd name="connsiteX0" fmla="*/ 0 w 2685362"/>
            <a:gd name="connsiteY0" fmla="*/ 40166 h 1170542"/>
            <a:gd name="connsiteX1" fmla="*/ 26122 w 2685362"/>
            <a:gd name="connsiteY1" fmla="*/ 972874 h 1170542"/>
            <a:gd name="connsiteX2" fmla="*/ 86070 w 2685362"/>
            <a:gd name="connsiteY2" fmla="*/ 1090211 h 1170542"/>
            <a:gd name="connsiteX3" fmla="*/ 203206 w 2685362"/>
            <a:gd name="connsiteY3" fmla="*/ 1145803 h 1170542"/>
            <a:gd name="connsiteX4" fmla="*/ 327189 w 2685362"/>
            <a:gd name="connsiteY4" fmla="*/ 1149091 h 1170542"/>
            <a:gd name="connsiteX5" fmla="*/ 591579 w 2685362"/>
            <a:gd name="connsiteY5" fmla="*/ 1150038 h 1170542"/>
            <a:gd name="connsiteX6" fmla="*/ 593909 w 2685362"/>
            <a:gd name="connsiteY6" fmla="*/ 1054498 h 1170542"/>
            <a:gd name="connsiteX7" fmla="*/ 1052697 w 2685362"/>
            <a:gd name="connsiteY7" fmla="*/ 1067303 h 1170542"/>
            <a:gd name="connsiteX8" fmla="*/ 1080807 w 2685362"/>
            <a:gd name="connsiteY8" fmla="*/ 1135729 h 1170542"/>
            <a:gd name="connsiteX9" fmla="*/ 2547651 w 2685362"/>
            <a:gd name="connsiteY9" fmla="*/ 1170542 h 1170542"/>
            <a:gd name="connsiteX10" fmla="*/ 2685362 w 2685362"/>
            <a:gd name="connsiteY10" fmla="*/ 1101687 h 1170542"/>
            <a:gd name="connsiteX11" fmla="*/ 2662410 w 2685362"/>
            <a:gd name="connsiteY11" fmla="*/ 0 h 1170542"/>
            <a:gd name="connsiteX12" fmla="*/ 0 w 2685362"/>
            <a:gd name="connsiteY12" fmla="*/ 40166 h 1170542"/>
            <a:gd name="connsiteX0" fmla="*/ 0 w 2685362"/>
            <a:gd name="connsiteY0" fmla="*/ 40166 h 1170542"/>
            <a:gd name="connsiteX1" fmla="*/ 26122 w 2685362"/>
            <a:gd name="connsiteY1" fmla="*/ 972874 h 1170542"/>
            <a:gd name="connsiteX2" fmla="*/ 86070 w 2685362"/>
            <a:gd name="connsiteY2" fmla="*/ 1090211 h 1170542"/>
            <a:gd name="connsiteX3" fmla="*/ 203206 w 2685362"/>
            <a:gd name="connsiteY3" fmla="*/ 1145803 h 1170542"/>
            <a:gd name="connsiteX4" fmla="*/ 327189 w 2685362"/>
            <a:gd name="connsiteY4" fmla="*/ 1149091 h 1170542"/>
            <a:gd name="connsiteX5" fmla="*/ 591579 w 2685362"/>
            <a:gd name="connsiteY5" fmla="*/ 1150038 h 1170542"/>
            <a:gd name="connsiteX6" fmla="*/ 593909 w 2685362"/>
            <a:gd name="connsiteY6" fmla="*/ 1054498 h 1170542"/>
            <a:gd name="connsiteX7" fmla="*/ 1052697 w 2685362"/>
            <a:gd name="connsiteY7" fmla="*/ 1067303 h 1170542"/>
            <a:gd name="connsiteX8" fmla="*/ 1080807 w 2685362"/>
            <a:gd name="connsiteY8" fmla="*/ 1149263 h 1170542"/>
            <a:gd name="connsiteX9" fmla="*/ 2547651 w 2685362"/>
            <a:gd name="connsiteY9" fmla="*/ 1170542 h 1170542"/>
            <a:gd name="connsiteX10" fmla="*/ 2685362 w 2685362"/>
            <a:gd name="connsiteY10" fmla="*/ 1101687 h 1170542"/>
            <a:gd name="connsiteX11" fmla="*/ 2662410 w 2685362"/>
            <a:gd name="connsiteY11" fmla="*/ 0 h 1170542"/>
            <a:gd name="connsiteX12" fmla="*/ 0 w 2685362"/>
            <a:gd name="connsiteY12" fmla="*/ 40166 h 1170542"/>
            <a:gd name="connsiteX0" fmla="*/ 0 w 2685362"/>
            <a:gd name="connsiteY0" fmla="*/ 40166 h 1170542"/>
            <a:gd name="connsiteX1" fmla="*/ 26122 w 2685362"/>
            <a:gd name="connsiteY1" fmla="*/ 972874 h 1170542"/>
            <a:gd name="connsiteX2" fmla="*/ 86070 w 2685362"/>
            <a:gd name="connsiteY2" fmla="*/ 1090211 h 1170542"/>
            <a:gd name="connsiteX3" fmla="*/ 203206 w 2685362"/>
            <a:gd name="connsiteY3" fmla="*/ 1145803 h 1170542"/>
            <a:gd name="connsiteX4" fmla="*/ 327189 w 2685362"/>
            <a:gd name="connsiteY4" fmla="*/ 1149091 h 1170542"/>
            <a:gd name="connsiteX5" fmla="*/ 591579 w 2685362"/>
            <a:gd name="connsiteY5" fmla="*/ 1150038 h 1170542"/>
            <a:gd name="connsiteX6" fmla="*/ 593909 w 2685362"/>
            <a:gd name="connsiteY6" fmla="*/ 1054498 h 1170542"/>
            <a:gd name="connsiteX7" fmla="*/ 1052697 w 2685362"/>
            <a:gd name="connsiteY7" fmla="*/ 1067303 h 1170542"/>
            <a:gd name="connsiteX8" fmla="*/ 1080807 w 2685362"/>
            <a:gd name="connsiteY8" fmla="*/ 1149263 h 1170542"/>
            <a:gd name="connsiteX9" fmla="*/ 2547651 w 2685362"/>
            <a:gd name="connsiteY9" fmla="*/ 1170542 h 1170542"/>
            <a:gd name="connsiteX10" fmla="*/ 2685362 w 2685362"/>
            <a:gd name="connsiteY10" fmla="*/ 1101687 h 1170542"/>
            <a:gd name="connsiteX11" fmla="*/ 2662410 w 2685362"/>
            <a:gd name="connsiteY11" fmla="*/ 0 h 1170542"/>
            <a:gd name="connsiteX12" fmla="*/ 0 w 2685362"/>
            <a:gd name="connsiteY12" fmla="*/ 40166 h 1170542"/>
            <a:gd name="connsiteX0" fmla="*/ 0 w 2685362"/>
            <a:gd name="connsiteY0" fmla="*/ 40166 h 1170542"/>
            <a:gd name="connsiteX1" fmla="*/ 26122 w 2685362"/>
            <a:gd name="connsiteY1" fmla="*/ 972874 h 1170542"/>
            <a:gd name="connsiteX2" fmla="*/ 86070 w 2685362"/>
            <a:gd name="connsiteY2" fmla="*/ 1090211 h 1170542"/>
            <a:gd name="connsiteX3" fmla="*/ 203206 w 2685362"/>
            <a:gd name="connsiteY3" fmla="*/ 1145803 h 1170542"/>
            <a:gd name="connsiteX4" fmla="*/ 327189 w 2685362"/>
            <a:gd name="connsiteY4" fmla="*/ 1149091 h 1170542"/>
            <a:gd name="connsiteX5" fmla="*/ 591579 w 2685362"/>
            <a:gd name="connsiteY5" fmla="*/ 1150038 h 1170542"/>
            <a:gd name="connsiteX6" fmla="*/ 593909 w 2685362"/>
            <a:gd name="connsiteY6" fmla="*/ 1054498 h 1170542"/>
            <a:gd name="connsiteX7" fmla="*/ 1071633 w 2685362"/>
            <a:gd name="connsiteY7" fmla="*/ 1067303 h 1170542"/>
            <a:gd name="connsiteX8" fmla="*/ 1080807 w 2685362"/>
            <a:gd name="connsiteY8" fmla="*/ 1149263 h 1170542"/>
            <a:gd name="connsiteX9" fmla="*/ 2547651 w 2685362"/>
            <a:gd name="connsiteY9" fmla="*/ 1170542 h 1170542"/>
            <a:gd name="connsiteX10" fmla="*/ 2685362 w 2685362"/>
            <a:gd name="connsiteY10" fmla="*/ 1101687 h 1170542"/>
            <a:gd name="connsiteX11" fmla="*/ 2662410 w 2685362"/>
            <a:gd name="connsiteY11" fmla="*/ 0 h 1170542"/>
            <a:gd name="connsiteX12" fmla="*/ 0 w 2685362"/>
            <a:gd name="connsiteY12" fmla="*/ 40166 h 1170542"/>
            <a:gd name="connsiteX0" fmla="*/ 0 w 2685362"/>
            <a:gd name="connsiteY0" fmla="*/ 40166 h 1170542"/>
            <a:gd name="connsiteX1" fmla="*/ 26122 w 2685362"/>
            <a:gd name="connsiteY1" fmla="*/ 972874 h 1170542"/>
            <a:gd name="connsiteX2" fmla="*/ 86070 w 2685362"/>
            <a:gd name="connsiteY2" fmla="*/ 1090211 h 1170542"/>
            <a:gd name="connsiteX3" fmla="*/ 203206 w 2685362"/>
            <a:gd name="connsiteY3" fmla="*/ 1145803 h 1170542"/>
            <a:gd name="connsiteX4" fmla="*/ 327189 w 2685362"/>
            <a:gd name="connsiteY4" fmla="*/ 1149091 h 1170542"/>
            <a:gd name="connsiteX5" fmla="*/ 591579 w 2685362"/>
            <a:gd name="connsiteY5" fmla="*/ 1150038 h 1170542"/>
            <a:gd name="connsiteX6" fmla="*/ 593909 w 2685362"/>
            <a:gd name="connsiteY6" fmla="*/ 1054498 h 1170542"/>
            <a:gd name="connsiteX7" fmla="*/ 1071633 w 2685362"/>
            <a:gd name="connsiteY7" fmla="*/ 1067303 h 1170542"/>
            <a:gd name="connsiteX8" fmla="*/ 1080807 w 2685362"/>
            <a:gd name="connsiteY8" fmla="*/ 1149263 h 1170542"/>
            <a:gd name="connsiteX9" fmla="*/ 2547651 w 2685362"/>
            <a:gd name="connsiteY9" fmla="*/ 1170542 h 1170542"/>
            <a:gd name="connsiteX10" fmla="*/ 2685362 w 2685362"/>
            <a:gd name="connsiteY10" fmla="*/ 1101687 h 1170542"/>
            <a:gd name="connsiteX11" fmla="*/ 2662410 w 2685362"/>
            <a:gd name="connsiteY11" fmla="*/ 0 h 1170542"/>
            <a:gd name="connsiteX12" fmla="*/ 0 w 2685362"/>
            <a:gd name="connsiteY12" fmla="*/ 40166 h 1170542"/>
            <a:gd name="connsiteX0" fmla="*/ 0 w 2685362"/>
            <a:gd name="connsiteY0" fmla="*/ 40166 h 1170542"/>
            <a:gd name="connsiteX1" fmla="*/ 26122 w 2685362"/>
            <a:gd name="connsiteY1" fmla="*/ 972874 h 1170542"/>
            <a:gd name="connsiteX2" fmla="*/ 86070 w 2685362"/>
            <a:gd name="connsiteY2" fmla="*/ 1090211 h 1170542"/>
            <a:gd name="connsiteX3" fmla="*/ 203206 w 2685362"/>
            <a:gd name="connsiteY3" fmla="*/ 1145803 h 1170542"/>
            <a:gd name="connsiteX4" fmla="*/ 327189 w 2685362"/>
            <a:gd name="connsiteY4" fmla="*/ 1149091 h 1170542"/>
            <a:gd name="connsiteX5" fmla="*/ 591579 w 2685362"/>
            <a:gd name="connsiteY5" fmla="*/ 1150038 h 1170542"/>
            <a:gd name="connsiteX6" fmla="*/ 593909 w 2685362"/>
            <a:gd name="connsiteY6" fmla="*/ 1054498 h 1170542"/>
            <a:gd name="connsiteX7" fmla="*/ 1071633 w 2685362"/>
            <a:gd name="connsiteY7" fmla="*/ 1067303 h 1170542"/>
            <a:gd name="connsiteX8" fmla="*/ 1071087 w 2685362"/>
            <a:gd name="connsiteY8" fmla="*/ 1149263 h 1170542"/>
            <a:gd name="connsiteX9" fmla="*/ 2547651 w 2685362"/>
            <a:gd name="connsiteY9" fmla="*/ 1170542 h 1170542"/>
            <a:gd name="connsiteX10" fmla="*/ 2685362 w 2685362"/>
            <a:gd name="connsiteY10" fmla="*/ 1101687 h 1170542"/>
            <a:gd name="connsiteX11" fmla="*/ 2662410 w 2685362"/>
            <a:gd name="connsiteY11" fmla="*/ 0 h 1170542"/>
            <a:gd name="connsiteX12" fmla="*/ 0 w 2685362"/>
            <a:gd name="connsiteY12" fmla="*/ 40166 h 1170542"/>
            <a:gd name="connsiteX0" fmla="*/ 0 w 2685362"/>
            <a:gd name="connsiteY0" fmla="*/ 40166 h 1170542"/>
            <a:gd name="connsiteX1" fmla="*/ 26122 w 2685362"/>
            <a:gd name="connsiteY1" fmla="*/ 972874 h 1170542"/>
            <a:gd name="connsiteX2" fmla="*/ 86070 w 2685362"/>
            <a:gd name="connsiteY2" fmla="*/ 1090211 h 1170542"/>
            <a:gd name="connsiteX3" fmla="*/ 203206 w 2685362"/>
            <a:gd name="connsiteY3" fmla="*/ 1145803 h 1170542"/>
            <a:gd name="connsiteX4" fmla="*/ 327189 w 2685362"/>
            <a:gd name="connsiteY4" fmla="*/ 1149091 h 1170542"/>
            <a:gd name="connsiteX5" fmla="*/ 591579 w 2685362"/>
            <a:gd name="connsiteY5" fmla="*/ 1150038 h 1170542"/>
            <a:gd name="connsiteX6" fmla="*/ 593909 w 2685362"/>
            <a:gd name="connsiteY6" fmla="*/ 1061793 h 1170542"/>
            <a:gd name="connsiteX7" fmla="*/ 1071633 w 2685362"/>
            <a:gd name="connsiteY7" fmla="*/ 1067303 h 1170542"/>
            <a:gd name="connsiteX8" fmla="*/ 1071087 w 2685362"/>
            <a:gd name="connsiteY8" fmla="*/ 1149263 h 1170542"/>
            <a:gd name="connsiteX9" fmla="*/ 2547651 w 2685362"/>
            <a:gd name="connsiteY9" fmla="*/ 1170542 h 1170542"/>
            <a:gd name="connsiteX10" fmla="*/ 2685362 w 2685362"/>
            <a:gd name="connsiteY10" fmla="*/ 1101687 h 1170542"/>
            <a:gd name="connsiteX11" fmla="*/ 2662410 w 2685362"/>
            <a:gd name="connsiteY11" fmla="*/ 0 h 1170542"/>
            <a:gd name="connsiteX12" fmla="*/ 0 w 2685362"/>
            <a:gd name="connsiteY12" fmla="*/ 40166 h 1170542"/>
            <a:gd name="connsiteX0" fmla="*/ 0 w 2685362"/>
            <a:gd name="connsiteY0" fmla="*/ 40166 h 1170542"/>
            <a:gd name="connsiteX1" fmla="*/ 26122 w 2685362"/>
            <a:gd name="connsiteY1" fmla="*/ 972874 h 1170542"/>
            <a:gd name="connsiteX2" fmla="*/ 86070 w 2685362"/>
            <a:gd name="connsiteY2" fmla="*/ 1090211 h 1170542"/>
            <a:gd name="connsiteX3" fmla="*/ 203206 w 2685362"/>
            <a:gd name="connsiteY3" fmla="*/ 1145803 h 1170542"/>
            <a:gd name="connsiteX4" fmla="*/ 327189 w 2685362"/>
            <a:gd name="connsiteY4" fmla="*/ 1149091 h 1170542"/>
            <a:gd name="connsiteX5" fmla="*/ 591579 w 2685362"/>
            <a:gd name="connsiteY5" fmla="*/ 1150038 h 1170542"/>
            <a:gd name="connsiteX6" fmla="*/ 593909 w 2685362"/>
            <a:gd name="connsiteY6" fmla="*/ 1061793 h 1170542"/>
            <a:gd name="connsiteX7" fmla="*/ 1071633 w 2685362"/>
            <a:gd name="connsiteY7" fmla="*/ 1067303 h 1170542"/>
            <a:gd name="connsiteX8" fmla="*/ 1071087 w 2685362"/>
            <a:gd name="connsiteY8" fmla="*/ 1149263 h 1170542"/>
            <a:gd name="connsiteX9" fmla="*/ 2547651 w 2685362"/>
            <a:gd name="connsiteY9" fmla="*/ 1170542 h 1170542"/>
            <a:gd name="connsiteX10" fmla="*/ 2685362 w 2685362"/>
            <a:gd name="connsiteY10" fmla="*/ 1101687 h 1170542"/>
            <a:gd name="connsiteX11" fmla="*/ 2662410 w 2685362"/>
            <a:gd name="connsiteY11" fmla="*/ 0 h 1170542"/>
            <a:gd name="connsiteX12" fmla="*/ 0 w 2685362"/>
            <a:gd name="connsiteY12" fmla="*/ 40166 h 1170542"/>
            <a:gd name="connsiteX0" fmla="*/ 0 w 2685362"/>
            <a:gd name="connsiteY0" fmla="*/ 40166 h 1170542"/>
            <a:gd name="connsiteX1" fmla="*/ 26122 w 2685362"/>
            <a:gd name="connsiteY1" fmla="*/ 972874 h 1170542"/>
            <a:gd name="connsiteX2" fmla="*/ 86070 w 2685362"/>
            <a:gd name="connsiteY2" fmla="*/ 1090211 h 1170542"/>
            <a:gd name="connsiteX3" fmla="*/ 203206 w 2685362"/>
            <a:gd name="connsiteY3" fmla="*/ 1145803 h 1170542"/>
            <a:gd name="connsiteX4" fmla="*/ 327189 w 2685362"/>
            <a:gd name="connsiteY4" fmla="*/ 1149091 h 1170542"/>
            <a:gd name="connsiteX5" fmla="*/ 591579 w 2685362"/>
            <a:gd name="connsiteY5" fmla="*/ 1150038 h 1170542"/>
            <a:gd name="connsiteX6" fmla="*/ 593909 w 2685362"/>
            <a:gd name="connsiteY6" fmla="*/ 1061793 h 1170542"/>
            <a:gd name="connsiteX7" fmla="*/ 1071633 w 2685362"/>
            <a:gd name="connsiteY7" fmla="*/ 1067303 h 1170542"/>
            <a:gd name="connsiteX8" fmla="*/ 1071087 w 2685362"/>
            <a:gd name="connsiteY8" fmla="*/ 1149263 h 1170542"/>
            <a:gd name="connsiteX9" fmla="*/ 2547651 w 2685362"/>
            <a:gd name="connsiteY9" fmla="*/ 1170542 h 1170542"/>
            <a:gd name="connsiteX10" fmla="*/ 2685362 w 2685362"/>
            <a:gd name="connsiteY10" fmla="*/ 1101687 h 1170542"/>
            <a:gd name="connsiteX11" fmla="*/ 2662410 w 2685362"/>
            <a:gd name="connsiteY11" fmla="*/ 0 h 1170542"/>
            <a:gd name="connsiteX12" fmla="*/ 0 w 2685362"/>
            <a:gd name="connsiteY12" fmla="*/ 40166 h 1170542"/>
            <a:gd name="connsiteX0" fmla="*/ 0 w 2685362"/>
            <a:gd name="connsiteY0" fmla="*/ 40166 h 1170542"/>
            <a:gd name="connsiteX1" fmla="*/ 26122 w 2685362"/>
            <a:gd name="connsiteY1" fmla="*/ 972874 h 1170542"/>
            <a:gd name="connsiteX2" fmla="*/ 86070 w 2685362"/>
            <a:gd name="connsiteY2" fmla="*/ 1090211 h 1170542"/>
            <a:gd name="connsiteX3" fmla="*/ 203206 w 2685362"/>
            <a:gd name="connsiteY3" fmla="*/ 1145803 h 1170542"/>
            <a:gd name="connsiteX4" fmla="*/ 327189 w 2685362"/>
            <a:gd name="connsiteY4" fmla="*/ 1149091 h 1170542"/>
            <a:gd name="connsiteX5" fmla="*/ 591579 w 2685362"/>
            <a:gd name="connsiteY5" fmla="*/ 1150038 h 1170542"/>
            <a:gd name="connsiteX6" fmla="*/ 591480 w 2685362"/>
            <a:gd name="connsiteY6" fmla="*/ 1064224 h 1170542"/>
            <a:gd name="connsiteX7" fmla="*/ 1071633 w 2685362"/>
            <a:gd name="connsiteY7" fmla="*/ 1067303 h 1170542"/>
            <a:gd name="connsiteX8" fmla="*/ 1071087 w 2685362"/>
            <a:gd name="connsiteY8" fmla="*/ 1149263 h 1170542"/>
            <a:gd name="connsiteX9" fmla="*/ 2547651 w 2685362"/>
            <a:gd name="connsiteY9" fmla="*/ 1170542 h 1170542"/>
            <a:gd name="connsiteX10" fmla="*/ 2685362 w 2685362"/>
            <a:gd name="connsiteY10" fmla="*/ 1101687 h 1170542"/>
            <a:gd name="connsiteX11" fmla="*/ 2662410 w 2685362"/>
            <a:gd name="connsiteY11" fmla="*/ 0 h 1170542"/>
            <a:gd name="connsiteX12" fmla="*/ 0 w 2685362"/>
            <a:gd name="connsiteY12" fmla="*/ 40166 h 1170542"/>
            <a:gd name="connsiteX0" fmla="*/ 0 w 2685362"/>
            <a:gd name="connsiteY0" fmla="*/ 40166 h 1170542"/>
            <a:gd name="connsiteX1" fmla="*/ 26122 w 2685362"/>
            <a:gd name="connsiteY1" fmla="*/ 972874 h 1170542"/>
            <a:gd name="connsiteX2" fmla="*/ 86070 w 2685362"/>
            <a:gd name="connsiteY2" fmla="*/ 1090211 h 1170542"/>
            <a:gd name="connsiteX3" fmla="*/ 203206 w 2685362"/>
            <a:gd name="connsiteY3" fmla="*/ 1145803 h 1170542"/>
            <a:gd name="connsiteX4" fmla="*/ 327189 w 2685362"/>
            <a:gd name="connsiteY4" fmla="*/ 1149091 h 1170542"/>
            <a:gd name="connsiteX5" fmla="*/ 591579 w 2685362"/>
            <a:gd name="connsiteY5" fmla="*/ 1150038 h 1170542"/>
            <a:gd name="connsiteX6" fmla="*/ 591480 w 2685362"/>
            <a:gd name="connsiteY6" fmla="*/ 1064224 h 1170542"/>
            <a:gd name="connsiteX7" fmla="*/ 1071633 w 2685362"/>
            <a:gd name="connsiteY7" fmla="*/ 1067303 h 1170542"/>
            <a:gd name="connsiteX8" fmla="*/ 1071087 w 2685362"/>
            <a:gd name="connsiteY8" fmla="*/ 1149263 h 1170542"/>
            <a:gd name="connsiteX9" fmla="*/ 2547651 w 2685362"/>
            <a:gd name="connsiteY9" fmla="*/ 1170542 h 1170542"/>
            <a:gd name="connsiteX10" fmla="*/ 2685362 w 2685362"/>
            <a:gd name="connsiteY10" fmla="*/ 1101687 h 1170542"/>
            <a:gd name="connsiteX11" fmla="*/ 2662410 w 2685362"/>
            <a:gd name="connsiteY11" fmla="*/ 0 h 1170542"/>
            <a:gd name="connsiteX12" fmla="*/ 0 w 2685362"/>
            <a:gd name="connsiteY12" fmla="*/ 40166 h 1170542"/>
            <a:gd name="connsiteX0" fmla="*/ 0 w 2685362"/>
            <a:gd name="connsiteY0" fmla="*/ 40166 h 1170542"/>
            <a:gd name="connsiteX1" fmla="*/ 26122 w 2685362"/>
            <a:gd name="connsiteY1" fmla="*/ 972874 h 1170542"/>
            <a:gd name="connsiteX2" fmla="*/ 86070 w 2685362"/>
            <a:gd name="connsiteY2" fmla="*/ 1090211 h 1170542"/>
            <a:gd name="connsiteX3" fmla="*/ 203206 w 2685362"/>
            <a:gd name="connsiteY3" fmla="*/ 1145803 h 1170542"/>
            <a:gd name="connsiteX4" fmla="*/ 327189 w 2685362"/>
            <a:gd name="connsiteY4" fmla="*/ 1149091 h 1170542"/>
            <a:gd name="connsiteX5" fmla="*/ 591579 w 2685362"/>
            <a:gd name="connsiteY5" fmla="*/ 1150038 h 1170542"/>
            <a:gd name="connsiteX6" fmla="*/ 591480 w 2685362"/>
            <a:gd name="connsiteY6" fmla="*/ 1064224 h 1170542"/>
            <a:gd name="connsiteX7" fmla="*/ 1071633 w 2685362"/>
            <a:gd name="connsiteY7" fmla="*/ 1067303 h 1170542"/>
            <a:gd name="connsiteX8" fmla="*/ 1071087 w 2685362"/>
            <a:gd name="connsiteY8" fmla="*/ 1149263 h 1170542"/>
            <a:gd name="connsiteX9" fmla="*/ 2547651 w 2685362"/>
            <a:gd name="connsiteY9" fmla="*/ 1170542 h 1170542"/>
            <a:gd name="connsiteX10" fmla="*/ 2685362 w 2685362"/>
            <a:gd name="connsiteY10" fmla="*/ 1101687 h 1170542"/>
            <a:gd name="connsiteX11" fmla="*/ 2662410 w 2685362"/>
            <a:gd name="connsiteY11" fmla="*/ 0 h 1170542"/>
            <a:gd name="connsiteX12" fmla="*/ 0 w 2685362"/>
            <a:gd name="connsiteY12" fmla="*/ 40166 h 1170542"/>
            <a:gd name="connsiteX0" fmla="*/ 0 w 2685362"/>
            <a:gd name="connsiteY0" fmla="*/ 40166 h 1170542"/>
            <a:gd name="connsiteX1" fmla="*/ 26122 w 2685362"/>
            <a:gd name="connsiteY1" fmla="*/ 972874 h 1170542"/>
            <a:gd name="connsiteX2" fmla="*/ 86070 w 2685362"/>
            <a:gd name="connsiteY2" fmla="*/ 1090211 h 1170542"/>
            <a:gd name="connsiteX3" fmla="*/ 203206 w 2685362"/>
            <a:gd name="connsiteY3" fmla="*/ 1145803 h 1170542"/>
            <a:gd name="connsiteX4" fmla="*/ 327189 w 2685362"/>
            <a:gd name="connsiteY4" fmla="*/ 1149091 h 1170542"/>
            <a:gd name="connsiteX5" fmla="*/ 591579 w 2685362"/>
            <a:gd name="connsiteY5" fmla="*/ 1150038 h 1170542"/>
            <a:gd name="connsiteX6" fmla="*/ 591480 w 2685362"/>
            <a:gd name="connsiteY6" fmla="*/ 1064224 h 1170542"/>
            <a:gd name="connsiteX7" fmla="*/ 1071633 w 2685362"/>
            <a:gd name="connsiteY7" fmla="*/ 1067303 h 1170542"/>
            <a:gd name="connsiteX8" fmla="*/ 1071087 w 2685362"/>
            <a:gd name="connsiteY8" fmla="*/ 1149263 h 1170542"/>
            <a:gd name="connsiteX9" fmla="*/ 2547651 w 2685362"/>
            <a:gd name="connsiteY9" fmla="*/ 1170542 h 1170542"/>
            <a:gd name="connsiteX10" fmla="*/ 2685362 w 2685362"/>
            <a:gd name="connsiteY10" fmla="*/ 1101687 h 1170542"/>
            <a:gd name="connsiteX11" fmla="*/ 2662410 w 2685362"/>
            <a:gd name="connsiteY11" fmla="*/ 0 h 1170542"/>
            <a:gd name="connsiteX12" fmla="*/ 0 w 2685362"/>
            <a:gd name="connsiteY12" fmla="*/ 40166 h 1170542"/>
            <a:gd name="connsiteX0" fmla="*/ 0 w 2685362"/>
            <a:gd name="connsiteY0" fmla="*/ 40166 h 1151089"/>
            <a:gd name="connsiteX1" fmla="*/ 26122 w 2685362"/>
            <a:gd name="connsiteY1" fmla="*/ 972874 h 1151089"/>
            <a:gd name="connsiteX2" fmla="*/ 86070 w 2685362"/>
            <a:gd name="connsiteY2" fmla="*/ 1090211 h 1151089"/>
            <a:gd name="connsiteX3" fmla="*/ 203206 w 2685362"/>
            <a:gd name="connsiteY3" fmla="*/ 1145803 h 1151089"/>
            <a:gd name="connsiteX4" fmla="*/ 327189 w 2685362"/>
            <a:gd name="connsiteY4" fmla="*/ 1149091 h 1151089"/>
            <a:gd name="connsiteX5" fmla="*/ 591579 w 2685362"/>
            <a:gd name="connsiteY5" fmla="*/ 1150038 h 1151089"/>
            <a:gd name="connsiteX6" fmla="*/ 591480 w 2685362"/>
            <a:gd name="connsiteY6" fmla="*/ 1064224 h 1151089"/>
            <a:gd name="connsiteX7" fmla="*/ 1071633 w 2685362"/>
            <a:gd name="connsiteY7" fmla="*/ 1067303 h 1151089"/>
            <a:gd name="connsiteX8" fmla="*/ 1071087 w 2685362"/>
            <a:gd name="connsiteY8" fmla="*/ 1149263 h 1151089"/>
            <a:gd name="connsiteX9" fmla="*/ 2414000 w 2685362"/>
            <a:gd name="connsiteY9" fmla="*/ 1151089 h 1151089"/>
            <a:gd name="connsiteX10" fmla="*/ 2685362 w 2685362"/>
            <a:gd name="connsiteY10" fmla="*/ 1101687 h 1151089"/>
            <a:gd name="connsiteX11" fmla="*/ 2662410 w 2685362"/>
            <a:gd name="connsiteY11" fmla="*/ 0 h 1151089"/>
            <a:gd name="connsiteX12" fmla="*/ 0 w 2685362"/>
            <a:gd name="connsiteY12" fmla="*/ 40166 h 1151089"/>
            <a:gd name="connsiteX0" fmla="*/ 0 w 2678072"/>
            <a:gd name="connsiteY0" fmla="*/ 40166 h 1151089"/>
            <a:gd name="connsiteX1" fmla="*/ 26122 w 2678072"/>
            <a:gd name="connsiteY1" fmla="*/ 972874 h 1151089"/>
            <a:gd name="connsiteX2" fmla="*/ 86070 w 2678072"/>
            <a:gd name="connsiteY2" fmla="*/ 1090211 h 1151089"/>
            <a:gd name="connsiteX3" fmla="*/ 203206 w 2678072"/>
            <a:gd name="connsiteY3" fmla="*/ 1145803 h 1151089"/>
            <a:gd name="connsiteX4" fmla="*/ 327189 w 2678072"/>
            <a:gd name="connsiteY4" fmla="*/ 1149091 h 1151089"/>
            <a:gd name="connsiteX5" fmla="*/ 591579 w 2678072"/>
            <a:gd name="connsiteY5" fmla="*/ 1150038 h 1151089"/>
            <a:gd name="connsiteX6" fmla="*/ 591480 w 2678072"/>
            <a:gd name="connsiteY6" fmla="*/ 1064224 h 1151089"/>
            <a:gd name="connsiteX7" fmla="*/ 1071633 w 2678072"/>
            <a:gd name="connsiteY7" fmla="*/ 1067303 h 1151089"/>
            <a:gd name="connsiteX8" fmla="*/ 1071087 w 2678072"/>
            <a:gd name="connsiteY8" fmla="*/ 1149263 h 1151089"/>
            <a:gd name="connsiteX9" fmla="*/ 2414000 w 2678072"/>
            <a:gd name="connsiteY9" fmla="*/ 1151089 h 1151089"/>
            <a:gd name="connsiteX10" fmla="*/ 2678072 w 2678072"/>
            <a:gd name="connsiteY10" fmla="*/ 1006856 h 1151089"/>
            <a:gd name="connsiteX11" fmla="*/ 2662410 w 2678072"/>
            <a:gd name="connsiteY11" fmla="*/ 0 h 1151089"/>
            <a:gd name="connsiteX12" fmla="*/ 0 w 2678072"/>
            <a:gd name="connsiteY12" fmla="*/ 40166 h 1151089"/>
            <a:gd name="connsiteX0" fmla="*/ 0 w 2678072"/>
            <a:gd name="connsiteY0" fmla="*/ 40166 h 1151089"/>
            <a:gd name="connsiteX1" fmla="*/ 26122 w 2678072"/>
            <a:gd name="connsiteY1" fmla="*/ 972874 h 1151089"/>
            <a:gd name="connsiteX2" fmla="*/ 86070 w 2678072"/>
            <a:gd name="connsiteY2" fmla="*/ 1090211 h 1151089"/>
            <a:gd name="connsiteX3" fmla="*/ 203206 w 2678072"/>
            <a:gd name="connsiteY3" fmla="*/ 1145803 h 1151089"/>
            <a:gd name="connsiteX4" fmla="*/ 327189 w 2678072"/>
            <a:gd name="connsiteY4" fmla="*/ 1149091 h 1151089"/>
            <a:gd name="connsiteX5" fmla="*/ 591579 w 2678072"/>
            <a:gd name="connsiteY5" fmla="*/ 1150038 h 1151089"/>
            <a:gd name="connsiteX6" fmla="*/ 591480 w 2678072"/>
            <a:gd name="connsiteY6" fmla="*/ 1064224 h 1151089"/>
            <a:gd name="connsiteX7" fmla="*/ 1071633 w 2678072"/>
            <a:gd name="connsiteY7" fmla="*/ 1067303 h 1151089"/>
            <a:gd name="connsiteX8" fmla="*/ 1071087 w 2678072"/>
            <a:gd name="connsiteY8" fmla="*/ 1149263 h 1151089"/>
            <a:gd name="connsiteX9" fmla="*/ 2414000 w 2678072"/>
            <a:gd name="connsiteY9" fmla="*/ 1151089 h 1151089"/>
            <a:gd name="connsiteX10" fmla="*/ 2678072 w 2678072"/>
            <a:gd name="connsiteY10" fmla="*/ 1006856 h 1151089"/>
            <a:gd name="connsiteX11" fmla="*/ 2662410 w 2678072"/>
            <a:gd name="connsiteY11" fmla="*/ 0 h 1151089"/>
            <a:gd name="connsiteX12" fmla="*/ 0 w 2678072"/>
            <a:gd name="connsiteY12" fmla="*/ 40166 h 1151089"/>
            <a:gd name="connsiteX0" fmla="*/ 0 w 2678072"/>
            <a:gd name="connsiteY0" fmla="*/ 40166 h 1151089"/>
            <a:gd name="connsiteX1" fmla="*/ 26122 w 2678072"/>
            <a:gd name="connsiteY1" fmla="*/ 972874 h 1151089"/>
            <a:gd name="connsiteX2" fmla="*/ 86070 w 2678072"/>
            <a:gd name="connsiteY2" fmla="*/ 1090211 h 1151089"/>
            <a:gd name="connsiteX3" fmla="*/ 203206 w 2678072"/>
            <a:gd name="connsiteY3" fmla="*/ 1145803 h 1151089"/>
            <a:gd name="connsiteX4" fmla="*/ 327189 w 2678072"/>
            <a:gd name="connsiteY4" fmla="*/ 1149091 h 1151089"/>
            <a:gd name="connsiteX5" fmla="*/ 591579 w 2678072"/>
            <a:gd name="connsiteY5" fmla="*/ 1150038 h 1151089"/>
            <a:gd name="connsiteX6" fmla="*/ 591480 w 2678072"/>
            <a:gd name="connsiteY6" fmla="*/ 1064224 h 1151089"/>
            <a:gd name="connsiteX7" fmla="*/ 1071633 w 2678072"/>
            <a:gd name="connsiteY7" fmla="*/ 1067303 h 1151089"/>
            <a:gd name="connsiteX8" fmla="*/ 1071087 w 2678072"/>
            <a:gd name="connsiteY8" fmla="*/ 1149263 h 1151089"/>
            <a:gd name="connsiteX9" fmla="*/ 2414000 w 2678072"/>
            <a:gd name="connsiteY9" fmla="*/ 1151089 h 1151089"/>
            <a:gd name="connsiteX10" fmla="*/ 2678072 w 2678072"/>
            <a:gd name="connsiteY10" fmla="*/ 1006856 h 1151089"/>
            <a:gd name="connsiteX11" fmla="*/ 2662410 w 2678072"/>
            <a:gd name="connsiteY11" fmla="*/ 0 h 1151089"/>
            <a:gd name="connsiteX12" fmla="*/ 0 w 2678072"/>
            <a:gd name="connsiteY12" fmla="*/ 40166 h 1151089"/>
            <a:gd name="connsiteX0" fmla="*/ 0 w 2678072"/>
            <a:gd name="connsiteY0" fmla="*/ 18094 h 1129017"/>
            <a:gd name="connsiteX1" fmla="*/ 26122 w 2678072"/>
            <a:gd name="connsiteY1" fmla="*/ 950802 h 1129017"/>
            <a:gd name="connsiteX2" fmla="*/ 86070 w 2678072"/>
            <a:gd name="connsiteY2" fmla="*/ 1068139 h 1129017"/>
            <a:gd name="connsiteX3" fmla="*/ 203206 w 2678072"/>
            <a:gd name="connsiteY3" fmla="*/ 1123731 h 1129017"/>
            <a:gd name="connsiteX4" fmla="*/ 327189 w 2678072"/>
            <a:gd name="connsiteY4" fmla="*/ 1127019 h 1129017"/>
            <a:gd name="connsiteX5" fmla="*/ 591579 w 2678072"/>
            <a:gd name="connsiteY5" fmla="*/ 1127966 h 1129017"/>
            <a:gd name="connsiteX6" fmla="*/ 591480 w 2678072"/>
            <a:gd name="connsiteY6" fmla="*/ 1042152 h 1129017"/>
            <a:gd name="connsiteX7" fmla="*/ 1071633 w 2678072"/>
            <a:gd name="connsiteY7" fmla="*/ 1045231 h 1129017"/>
            <a:gd name="connsiteX8" fmla="*/ 1071087 w 2678072"/>
            <a:gd name="connsiteY8" fmla="*/ 1127191 h 1129017"/>
            <a:gd name="connsiteX9" fmla="*/ 2414000 w 2678072"/>
            <a:gd name="connsiteY9" fmla="*/ 1129017 h 1129017"/>
            <a:gd name="connsiteX10" fmla="*/ 2678072 w 2678072"/>
            <a:gd name="connsiteY10" fmla="*/ 984784 h 1129017"/>
            <a:gd name="connsiteX11" fmla="*/ 2656896 w 2678072"/>
            <a:gd name="connsiteY11" fmla="*/ 0 h 1129017"/>
            <a:gd name="connsiteX12" fmla="*/ 0 w 2678072"/>
            <a:gd name="connsiteY12" fmla="*/ 18094 h 1129017"/>
            <a:gd name="connsiteX0" fmla="*/ 0 w 2678072"/>
            <a:gd name="connsiteY0" fmla="*/ 23612 h 1134535"/>
            <a:gd name="connsiteX1" fmla="*/ 26122 w 2678072"/>
            <a:gd name="connsiteY1" fmla="*/ 956320 h 1134535"/>
            <a:gd name="connsiteX2" fmla="*/ 86070 w 2678072"/>
            <a:gd name="connsiteY2" fmla="*/ 1073657 h 1134535"/>
            <a:gd name="connsiteX3" fmla="*/ 203206 w 2678072"/>
            <a:gd name="connsiteY3" fmla="*/ 1129249 h 1134535"/>
            <a:gd name="connsiteX4" fmla="*/ 327189 w 2678072"/>
            <a:gd name="connsiteY4" fmla="*/ 1132537 h 1134535"/>
            <a:gd name="connsiteX5" fmla="*/ 591579 w 2678072"/>
            <a:gd name="connsiteY5" fmla="*/ 1133484 h 1134535"/>
            <a:gd name="connsiteX6" fmla="*/ 591480 w 2678072"/>
            <a:gd name="connsiteY6" fmla="*/ 1047670 h 1134535"/>
            <a:gd name="connsiteX7" fmla="*/ 1071633 w 2678072"/>
            <a:gd name="connsiteY7" fmla="*/ 1050749 h 1134535"/>
            <a:gd name="connsiteX8" fmla="*/ 1071087 w 2678072"/>
            <a:gd name="connsiteY8" fmla="*/ 1132709 h 1134535"/>
            <a:gd name="connsiteX9" fmla="*/ 2414000 w 2678072"/>
            <a:gd name="connsiteY9" fmla="*/ 1134535 h 1134535"/>
            <a:gd name="connsiteX10" fmla="*/ 2678072 w 2678072"/>
            <a:gd name="connsiteY10" fmla="*/ 990302 h 1134535"/>
            <a:gd name="connsiteX11" fmla="*/ 2590727 w 2678072"/>
            <a:gd name="connsiteY11" fmla="*/ 0 h 1134535"/>
            <a:gd name="connsiteX12" fmla="*/ 0 w 2678072"/>
            <a:gd name="connsiteY12" fmla="*/ 23612 h 1134535"/>
            <a:gd name="connsiteX0" fmla="*/ 0 w 2606389"/>
            <a:gd name="connsiteY0" fmla="*/ 23612 h 1134535"/>
            <a:gd name="connsiteX1" fmla="*/ 26122 w 2606389"/>
            <a:gd name="connsiteY1" fmla="*/ 956320 h 1134535"/>
            <a:gd name="connsiteX2" fmla="*/ 86070 w 2606389"/>
            <a:gd name="connsiteY2" fmla="*/ 1073657 h 1134535"/>
            <a:gd name="connsiteX3" fmla="*/ 203206 w 2606389"/>
            <a:gd name="connsiteY3" fmla="*/ 1129249 h 1134535"/>
            <a:gd name="connsiteX4" fmla="*/ 327189 w 2606389"/>
            <a:gd name="connsiteY4" fmla="*/ 1132537 h 1134535"/>
            <a:gd name="connsiteX5" fmla="*/ 591579 w 2606389"/>
            <a:gd name="connsiteY5" fmla="*/ 1133484 h 1134535"/>
            <a:gd name="connsiteX6" fmla="*/ 591480 w 2606389"/>
            <a:gd name="connsiteY6" fmla="*/ 1047670 h 1134535"/>
            <a:gd name="connsiteX7" fmla="*/ 1071633 w 2606389"/>
            <a:gd name="connsiteY7" fmla="*/ 1050749 h 1134535"/>
            <a:gd name="connsiteX8" fmla="*/ 1071087 w 2606389"/>
            <a:gd name="connsiteY8" fmla="*/ 1132709 h 1134535"/>
            <a:gd name="connsiteX9" fmla="*/ 2414000 w 2606389"/>
            <a:gd name="connsiteY9" fmla="*/ 1134535 h 1134535"/>
            <a:gd name="connsiteX10" fmla="*/ 2606389 w 2606389"/>
            <a:gd name="connsiteY10" fmla="*/ 1039962 h 1134535"/>
            <a:gd name="connsiteX11" fmla="*/ 2590727 w 2606389"/>
            <a:gd name="connsiteY11" fmla="*/ 0 h 1134535"/>
            <a:gd name="connsiteX12" fmla="*/ 0 w 2606389"/>
            <a:gd name="connsiteY12" fmla="*/ 23612 h 1134535"/>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Lst>
          <a:rect l="l" t="t" r="r" b="b"/>
          <a:pathLst>
            <a:path w="2606389" h="1134535">
              <a:moveTo>
                <a:pt x="0" y="23612"/>
              </a:moveTo>
              <a:lnTo>
                <a:pt x="26122" y="956320"/>
              </a:lnTo>
              <a:lnTo>
                <a:pt x="86070" y="1073657"/>
              </a:lnTo>
              <a:lnTo>
                <a:pt x="203206" y="1129249"/>
              </a:lnTo>
              <a:cubicBezTo>
                <a:pt x="212196" y="1132488"/>
                <a:pt x="318199" y="1129298"/>
                <a:pt x="327189" y="1132537"/>
              </a:cubicBezTo>
              <a:lnTo>
                <a:pt x="591579" y="1133484"/>
              </a:lnTo>
              <a:cubicBezTo>
                <a:pt x="589742" y="1093767"/>
                <a:pt x="591382" y="1079518"/>
                <a:pt x="591480" y="1047670"/>
              </a:cubicBezTo>
              <a:lnTo>
                <a:pt x="1071633" y="1050749"/>
              </a:lnTo>
              <a:cubicBezTo>
                <a:pt x="1071170" y="1083825"/>
                <a:pt x="1069122" y="1086971"/>
                <a:pt x="1071087" y="1132709"/>
              </a:cubicBezTo>
              <a:lnTo>
                <a:pt x="2414000" y="1134535"/>
              </a:lnTo>
              <a:cubicBezTo>
                <a:pt x="2531184" y="1105910"/>
                <a:pt x="2518365" y="1131809"/>
                <a:pt x="2606389" y="1039962"/>
              </a:cubicBezTo>
              <a:lnTo>
                <a:pt x="2590727" y="0"/>
              </a:lnTo>
              <a:lnTo>
                <a:pt x="0" y="23612"/>
              </a:lnTo>
              <a:close/>
            </a:path>
          </a:pathLst>
        </a:custGeom>
        <a:noFill/>
        <a:ln>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6</xdr:col>
      <xdr:colOff>72232</xdr:colOff>
      <xdr:row>7</xdr:row>
      <xdr:rowOff>38760</xdr:rowOff>
    </xdr:from>
    <xdr:to>
      <xdr:col>25</xdr:col>
      <xdr:colOff>88846</xdr:colOff>
      <xdr:row>15</xdr:row>
      <xdr:rowOff>71993</xdr:rowOff>
    </xdr:to>
    <xdr:sp macro="" textlink="">
      <xdr:nvSpPr>
        <xdr:cNvPr id="41" name="フリーフォーム 40"/>
        <xdr:cNvSpPr/>
      </xdr:nvSpPr>
      <xdr:spPr>
        <a:xfrm rot="-60000">
          <a:off x="1035808" y="1046638"/>
          <a:ext cx="3067936" cy="1185093"/>
        </a:xfrm>
        <a:custGeom>
          <a:avLst/>
          <a:gdLst>
            <a:gd name="connsiteX0" fmla="*/ 22151 w 2923953"/>
            <a:gd name="connsiteY0" fmla="*/ 22151 h 1151861"/>
            <a:gd name="connsiteX1" fmla="*/ 0 w 2923953"/>
            <a:gd name="connsiteY1" fmla="*/ 1052181 h 1151861"/>
            <a:gd name="connsiteX2" fmla="*/ 121831 w 2923953"/>
            <a:gd name="connsiteY2" fmla="*/ 1118634 h 1151861"/>
            <a:gd name="connsiteX3" fmla="*/ 265814 w 2923953"/>
            <a:gd name="connsiteY3" fmla="*/ 1151861 h 1151861"/>
            <a:gd name="connsiteX4" fmla="*/ 2802122 w 2923953"/>
            <a:gd name="connsiteY4" fmla="*/ 1140785 h 1151861"/>
            <a:gd name="connsiteX5" fmla="*/ 2923953 w 2923953"/>
            <a:gd name="connsiteY5" fmla="*/ 974651 h 1151861"/>
            <a:gd name="connsiteX6" fmla="*/ 2868576 w 2923953"/>
            <a:gd name="connsiteY6" fmla="*/ 0 h 1151861"/>
            <a:gd name="connsiteX7" fmla="*/ 22151 w 2923953"/>
            <a:gd name="connsiteY7" fmla="*/ 22151 h 1151861"/>
            <a:gd name="connsiteX0" fmla="*/ 22151 w 2923953"/>
            <a:gd name="connsiteY0" fmla="*/ 22151 h 1151861"/>
            <a:gd name="connsiteX1" fmla="*/ 0 w 2923953"/>
            <a:gd name="connsiteY1" fmla="*/ 1052181 h 1151861"/>
            <a:gd name="connsiteX2" fmla="*/ 121831 w 2923953"/>
            <a:gd name="connsiteY2" fmla="*/ 1118634 h 1151861"/>
            <a:gd name="connsiteX3" fmla="*/ 265814 w 2923953"/>
            <a:gd name="connsiteY3" fmla="*/ 1151861 h 1151861"/>
            <a:gd name="connsiteX4" fmla="*/ 2802122 w 2923953"/>
            <a:gd name="connsiteY4" fmla="*/ 1140785 h 1151861"/>
            <a:gd name="connsiteX5" fmla="*/ 2923953 w 2923953"/>
            <a:gd name="connsiteY5" fmla="*/ 974651 h 1151861"/>
            <a:gd name="connsiteX6" fmla="*/ 2868576 w 2923953"/>
            <a:gd name="connsiteY6" fmla="*/ 0 h 1151861"/>
            <a:gd name="connsiteX7" fmla="*/ 22151 w 2923953"/>
            <a:gd name="connsiteY7" fmla="*/ 22151 h 1151861"/>
            <a:gd name="connsiteX0" fmla="*/ 22151 w 2923953"/>
            <a:gd name="connsiteY0" fmla="*/ 22151 h 1151861"/>
            <a:gd name="connsiteX1" fmla="*/ 0 w 2923953"/>
            <a:gd name="connsiteY1" fmla="*/ 1052181 h 1151861"/>
            <a:gd name="connsiteX2" fmla="*/ 121831 w 2923953"/>
            <a:gd name="connsiteY2" fmla="*/ 1118634 h 1151861"/>
            <a:gd name="connsiteX3" fmla="*/ 265814 w 2923953"/>
            <a:gd name="connsiteY3" fmla="*/ 1151861 h 1151861"/>
            <a:gd name="connsiteX4" fmla="*/ 2802122 w 2923953"/>
            <a:gd name="connsiteY4" fmla="*/ 1140785 h 1151861"/>
            <a:gd name="connsiteX5" fmla="*/ 2923953 w 2923953"/>
            <a:gd name="connsiteY5" fmla="*/ 974651 h 1151861"/>
            <a:gd name="connsiteX6" fmla="*/ 2868576 w 2923953"/>
            <a:gd name="connsiteY6" fmla="*/ 0 h 1151861"/>
            <a:gd name="connsiteX7" fmla="*/ 22151 w 2923953"/>
            <a:gd name="connsiteY7" fmla="*/ 22151 h 1151861"/>
            <a:gd name="connsiteX0" fmla="*/ 22151 w 2923953"/>
            <a:gd name="connsiteY0" fmla="*/ 22151 h 1151861"/>
            <a:gd name="connsiteX1" fmla="*/ 0 w 2923953"/>
            <a:gd name="connsiteY1" fmla="*/ 1052181 h 1151861"/>
            <a:gd name="connsiteX2" fmla="*/ 121831 w 2923953"/>
            <a:gd name="connsiteY2" fmla="*/ 1118634 h 1151861"/>
            <a:gd name="connsiteX3" fmla="*/ 265814 w 2923953"/>
            <a:gd name="connsiteY3" fmla="*/ 1151861 h 1151861"/>
            <a:gd name="connsiteX4" fmla="*/ 2802122 w 2923953"/>
            <a:gd name="connsiteY4" fmla="*/ 1140785 h 1151861"/>
            <a:gd name="connsiteX5" fmla="*/ 2923953 w 2923953"/>
            <a:gd name="connsiteY5" fmla="*/ 974651 h 1151861"/>
            <a:gd name="connsiteX6" fmla="*/ 2868576 w 2923953"/>
            <a:gd name="connsiteY6" fmla="*/ 0 h 1151861"/>
            <a:gd name="connsiteX7" fmla="*/ 22151 w 2923953"/>
            <a:gd name="connsiteY7" fmla="*/ 22151 h 1151861"/>
            <a:gd name="connsiteX0" fmla="*/ 22151 w 2923953"/>
            <a:gd name="connsiteY0" fmla="*/ 11075 h 1140785"/>
            <a:gd name="connsiteX1" fmla="*/ 0 w 2923953"/>
            <a:gd name="connsiteY1" fmla="*/ 1041105 h 1140785"/>
            <a:gd name="connsiteX2" fmla="*/ 121831 w 2923953"/>
            <a:gd name="connsiteY2" fmla="*/ 1107558 h 1140785"/>
            <a:gd name="connsiteX3" fmla="*/ 265814 w 2923953"/>
            <a:gd name="connsiteY3" fmla="*/ 1140785 h 1140785"/>
            <a:gd name="connsiteX4" fmla="*/ 2802122 w 2923953"/>
            <a:gd name="connsiteY4" fmla="*/ 1129709 h 1140785"/>
            <a:gd name="connsiteX5" fmla="*/ 2923953 w 2923953"/>
            <a:gd name="connsiteY5" fmla="*/ 963575 h 1140785"/>
            <a:gd name="connsiteX6" fmla="*/ 2907341 w 2923953"/>
            <a:gd name="connsiteY6" fmla="*/ 0 h 1140785"/>
            <a:gd name="connsiteX7" fmla="*/ 22151 w 2923953"/>
            <a:gd name="connsiteY7" fmla="*/ 11075 h 1140785"/>
            <a:gd name="connsiteX0" fmla="*/ 22151 w 2946104"/>
            <a:gd name="connsiteY0" fmla="*/ 11075 h 1140785"/>
            <a:gd name="connsiteX1" fmla="*/ 0 w 2946104"/>
            <a:gd name="connsiteY1" fmla="*/ 1041105 h 1140785"/>
            <a:gd name="connsiteX2" fmla="*/ 121831 w 2946104"/>
            <a:gd name="connsiteY2" fmla="*/ 1107558 h 1140785"/>
            <a:gd name="connsiteX3" fmla="*/ 265814 w 2946104"/>
            <a:gd name="connsiteY3" fmla="*/ 1140785 h 1140785"/>
            <a:gd name="connsiteX4" fmla="*/ 2802122 w 2946104"/>
            <a:gd name="connsiteY4" fmla="*/ 1129709 h 1140785"/>
            <a:gd name="connsiteX5" fmla="*/ 2946104 w 2946104"/>
            <a:gd name="connsiteY5" fmla="*/ 919273 h 1140785"/>
            <a:gd name="connsiteX6" fmla="*/ 2907341 w 2946104"/>
            <a:gd name="connsiteY6" fmla="*/ 0 h 1140785"/>
            <a:gd name="connsiteX7" fmla="*/ 22151 w 2946104"/>
            <a:gd name="connsiteY7" fmla="*/ 11075 h 1140785"/>
            <a:gd name="connsiteX0" fmla="*/ 22151 w 2946104"/>
            <a:gd name="connsiteY0" fmla="*/ 11075 h 1140785"/>
            <a:gd name="connsiteX1" fmla="*/ 0 w 2946104"/>
            <a:gd name="connsiteY1" fmla="*/ 1041105 h 1140785"/>
            <a:gd name="connsiteX2" fmla="*/ 121831 w 2946104"/>
            <a:gd name="connsiteY2" fmla="*/ 1107558 h 1140785"/>
            <a:gd name="connsiteX3" fmla="*/ 265814 w 2946104"/>
            <a:gd name="connsiteY3" fmla="*/ 1140785 h 1140785"/>
            <a:gd name="connsiteX4" fmla="*/ 2818735 w 2946104"/>
            <a:gd name="connsiteY4" fmla="*/ 1074331 h 1140785"/>
            <a:gd name="connsiteX5" fmla="*/ 2946104 w 2946104"/>
            <a:gd name="connsiteY5" fmla="*/ 919273 h 1140785"/>
            <a:gd name="connsiteX6" fmla="*/ 2907341 w 2946104"/>
            <a:gd name="connsiteY6" fmla="*/ 0 h 1140785"/>
            <a:gd name="connsiteX7" fmla="*/ 22151 w 2946104"/>
            <a:gd name="connsiteY7" fmla="*/ 11075 h 1140785"/>
            <a:gd name="connsiteX0" fmla="*/ 22151 w 2946104"/>
            <a:gd name="connsiteY0" fmla="*/ 11075 h 1140785"/>
            <a:gd name="connsiteX1" fmla="*/ 0 w 2946104"/>
            <a:gd name="connsiteY1" fmla="*/ 1041105 h 1140785"/>
            <a:gd name="connsiteX2" fmla="*/ 121831 w 2946104"/>
            <a:gd name="connsiteY2" fmla="*/ 1107558 h 1140785"/>
            <a:gd name="connsiteX3" fmla="*/ 265814 w 2946104"/>
            <a:gd name="connsiteY3" fmla="*/ 1140785 h 1140785"/>
            <a:gd name="connsiteX4" fmla="*/ 2818735 w 2946104"/>
            <a:gd name="connsiteY4" fmla="*/ 1074331 h 1140785"/>
            <a:gd name="connsiteX5" fmla="*/ 2946104 w 2946104"/>
            <a:gd name="connsiteY5" fmla="*/ 919273 h 1140785"/>
            <a:gd name="connsiteX6" fmla="*/ 2907341 w 2946104"/>
            <a:gd name="connsiteY6" fmla="*/ 0 h 1140785"/>
            <a:gd name="connsiteX7" fmla="*/ 22151 w 2946104"/>
            <a:gd name="connsiteY7" fmla="*/ 11075 h 1140785"/>
            <a:gd name="connsiteX0" fmla="*/ 22151 w 2946104"/>
            <a:gd name="connsiteY0" fmla="*/ 11075 h 1140785"/>
            <a:gd name="connsiteX1" fmla="*/ 0 w 2946104"/>
            <a:gd name="connsiteY1" fmla="*/ 1041105 h 1140785"/>
            <a:gd name="connsiteX2" fmla="*/ 121831 w 2946104"/>
            <a:gd name="connsiteY2" fmla="*/ 1107558 h 1140785"/>
            <a:gd name="connsiteX3" fmla="*/ 265814 w 2946104"/>
            <a:gd name="connsiteY3" fmla="*/ 1140785 h 1140785"/>
            <a:gd name="connsiteX4" fmla="*/ 2818735 w 2946104"/>
            <a:gd name="connsiteY4" fmla="*/ 1074331 h 1140785"/>
            <a:gd name="connsiteX5" fmla="*/ 2946104 w 2946104"/>
            <a:gd name="connsiteY5" fmla="*/ 919273 h 1140785"/>
            <a:gd name="connsiteX6" fmla="*/ 2907341 w 2946104"/>
            <a:gd name="connsiteY6" fmla="*/ 0 h 1140785"/>
            <a:gd name="connsiteX7" fmla="*/ 22151 w 2946104"/>
            <a:gd name="connsiteY7" fmla="*/ 11075 h 1140785"/>
            <a:gd name="connsiteX0" fmla="*/ 22151 w 2946104"/>
            <a:gd name="connsiteY0" fmla="*/ 11075 h 1107558"/>
            <a:gd name="connsiteX1" fmla="*/ 0 w 2946104"/>
            <a:gd name="connsiteY1" fmla="*/ 1041105 h 1107558"/>
            <a:gd name="connsiteX2" fmla="*/ 121831 w 2946104"/>
            <a:gd name="connsiteY2" fmla="*/ 1107558 h 1107558"/>
            <a:gd name="connsiteX3" fmla="*/ 321192 w 2946104"/>
            <a:gd name="connsiteY3" fmla="*/ 1063256 h 1107558"/>
            <a:gd name="connsiteX4" fmla="*/ 2818735 w 2946104"/>
            <a:gd name="connsiteY4" fmla="*/ 1074331 h 1107558"/>
            <a:gd name="connsiteX5" fmla="*/ 2946104 w 2946104"/>
            <a:gd name="connsiteY5" fmla="*/ 919273 h 1107558"/>
            <a:gd name="connsiteX6" fmla="*/ 2907341 w 2946104"/>
            <a:gd name="connsiteY6" fmla="*/ 0 h 1107558"/>
            <a:gd name="connsiteX7" fmla="*/ 22151 w 2946104"/>
            <a:gd name="connsiteY7" fmla="*/ 11075 h 1107558"/>
            <a:gd name="connsiteX0" fmla="*/ 22151 w 2946104"/>
            <a:gd name="connsiteY0" fmla="*/ 11075 h 1074331"/>
            <a:gd name="connsiteX1" fmla="*/ 0 w 2946104"/>
            <a:gd name="connsiteY1" fmla="*/ 1041105 h 1074331"/>
            <a:gd name="connsiteX2" fmla="*/ 116294 w 2946104"/>
            <a:gd name="connsiteY2" fmla="*/ 952500 h 1074331"/>
            <a:gd name="connsiteX3" fmla="*/ 321192 w 2946104"/>
            <a:gd name="connsiteY3" fmla="*/ 1063256 h 1074331"/>
            <a:gd name="connsiteX4" fmla="*/ 2818735 w 2946104"/>
            <a:gd name="connsiteY4" fmla="*/ 1074331 h 1074331"/>
            <a:gd name="connsiteX5" fmla="*/ 2946104 w 2946104"/>
            <a:gd name="connsiteY5" fmla="*/ 919273 h 1074331"/>
            <a:gd name="connsiteX6" fmla="*/ 2907341 w 2946104"/>
            <a:gd name="connsiteY6" fmla="*/ 0 h 1074331"/>
            <a:gd name="connsiteX7" fmla="*/ 22151 w 2946104"/>
            <a:gd name="connsiteY7" fmla="*/ 11075 h 1074331"/>
            <a:gd name="connsiteX0" fmla="*/ 22151 w 2946104"/>
            <a:gd name="connsiteY0" fmla="*/ 11075 h 1074331"/>
            <a:gd name="connsiteX1" fmla="*/ 0 w 2946104"/>
            <a:gd name="connsiteY1" fmla="*/ 1041105 h 1074331"/>
            <a:gd name="connsiteX2" fmla="*/ 116294 w 2946104"/>
            <a:gd name="connsiteY2" fmla="*/ 952500 h 1074331"/>
            <a:gd name="connsiteX3" fmla="*/ 321192 w 2946104"/>
            <a:gd name="connsiteY3" fmla="*/ 1063256 h 1074331"/>
            <a:gd name="connsiteX4" fmla="*/ 2818735 w 2946104"/>
            <a:gd name="connsiteY4" fmla="*/ 1074331 h 1074331"/>
            <a:gd name="connsiteX5" fmla="*/ 2946104 w 2946104"/>
            <a:gd name="connsiteY5" fmla="*/ 919273 h 1074331"/>
            <a:gd name="connsiteX6" fmla="*/ 2907341 w 2946104"/>
            <a:gd name="connsiteY6" fmla="*/ 0 h 1074331"/>
            <a:gd name="connsiteX7" fmla="*/ 22151 w 2946104"/>
            <a:gd name="connsiteY7" fmla="*/ 11075 h 1074331"/>
            <a:gd name="connsiteX0" fmla="*/ 22151 w 2946104"/>
            <a:gd name="connsiteY0" fmla="*/ 11075 h 1074331"/>
            <a:gd name="connsiteX1" fmla="*/ 0 w 2946104"/>
            <a:gd name="connsiteY1" fmla="*/ 1041105 h 1074331"/>
            <a:gd name="connsiteX2" fmla="*/ 116294 w 2946104"/>
            <a:gd name="connsiteY2" fmla="*/ 952500 h 1074331"/>
            <a:gd name="connsiteX3" fmla="*/ 371032 w 2946104"/>
            <a:gd name="connsiteY3" fmla="*/ 1074331 h 1074331"/>
            <a:gd name="connsiteX4" fmla="*/ 2818735 w 2946104"/>
            <a:gd name="connsiteY4" fmla="*/ 1074331 h 1074331"/>
            <a:gd name="connsiteX5" fmla="*/ 2946104 w 2946104"/>
            <a:gd name="connsiteY5" fmla="*/ 919273 h 1074331"/>
            <a:gd name="connsiteX6" fmla="*/ 2907341 w 2946104"/>
            <a:gd name="connsiteY6" fmla="*/ 0 h 1074331"/>
            <a:gd name="connsiteX7" fmla="*/ 22151 w 2946104"/>
            <a:gd name="connsiteY7" fmla="*/ 11075 h 1074331"/>
            <a:gd name="connsiteX0" fmla="*/ 16614 w 2940567"/>
            <a:gd name="connsiteY0" fmla="*/ 11075 h 1074331"/>
            <a:gd name="connsiteX1" fmla="*/ 0 w 2940567"/>
            <a:gd name="connsiteY1" fmla="*/ 841745 h 1074331"/>
            <a:gd name="connsiteX2" fmla="*/ 110757 w 2940567"/>
            <a:gd name="connsiteY2" fmla="*/ 952500 h 1074331"/>
            <a:gd name="connsiteX3" fmla="*/ 365495 w 2940567"/>
            <a:gd name="connsiteY3" fmla="*/ 1074331 h 1074331"/>
            <a:gd name="connsiteX4" fmla="*/ 2813198 w 2940567"/>
            <a:gd name="connsiteY4" fmla="*/ 1074331 h 1074331"/>
            <a:gd name="connsiteX5" fmla="*/ 2940567 w 2940567"/>
            <a:gd name="connsiteY5" fmla="*/ 919273 h 1074331"/>
            <a:gd name="connsiteX6" fmla="*/ 2901804 w 2940567"/>
            <a:gd name="connsiteY6" fmla="*/ 0 h 1074331"/>
            <a:gd name="connsiteX7" fmla="*/ 16614 w 2940567"/>
            <a:gd name="connsiteY7" fmla="*/ 11075 h 1074331"/>
            <a:gd name="connsiteX0" fmla="*/ 143983 w 2940567"/>
            <a:gd name="connsiteY0" fmla="*/ 5537 h 1074331"/>
            <a:gd name="connsiteX1" fmla="*/ 0 w 2940567"/>
            <a:gd name="connsiteY1" fmla="*/ 841745 h 1074331"/>
            <a:gd name="connsiteX2" fmla="*/ 110757 w 2940567"/>
            <a:gd name="connsiteY2" fmla="*/ 952500 h 1074331"/>
            <a:gd name="connsiteX3" fmla="*/ 365495 w 2940567"/>
            <a:gd name="connsiteY3" fmla="*/ 1074331 h 1074331"/>
            <a:gd name="connsiteX4" fmla="*/ 2813198 w 2940567"/>
            <a:gd name="connsiteY4" fmla="*/ 1074331 h 1074331"/>
            <a:gd name="connsiteX5" fmla="*/ 2940567 w 2940567"/>
            <a:gd name="connsiteY5" fmla="*/ 919273 h 1074331"/>
            <a:gd name="connsiteX6" fmla="*/ 2901804 w 2940567"/>
            <a:gd name="connsiteY6" fmla="*/ 0 h 1074331"/>
            <a:gd name="connsiteX7" fmla="*/ 143983 w 2940567"/>
            <a:gd name="connsiteY7" fmla="*/ 5537 h 1074331"/>
            <a:gd name="connsiteX0" fmla="*/ 33226 w 2829810"/>
            <a:gd name="connsiteY0" fmla="*/ 5537 h 1074331"/>
            <a:gd name="connsiteX1" fmla="*/ 0 w 2829810"/>
            <a:gd name="connsiteY1" fmla="*/ 952500 h 1074331"/>
            <a:gd name="connsiteX2" fmla="*/ 254738 w 2829810"/>
            <a:gd name="connsiteY2" fmla="*/ 1074331 h 1074331"/>
            <a:gd name="connsiteX3" fmla="*/ 2702441 w 2829810"/>
            <a:gd name="connsiteY3" fmla="*/ 1074331 h 1074331"/>
            <a:gd name="connsiteX4" fmla="*/ 2829810 w 2829810"/>
            <a:gd name="connsiteY4" fmla="*/ 919273 h 1074331"/>
            <a:gd name="connsiteX5" fmla="*/ 2791047 w 2829810"/>
            <a:gd name="connsiteY5" fmla="*/ 0 h 1074331"/>
            <a:gd name="connsiteX6" fmla="*/ 33226 w 2829810"/>
            <a:gd name="connsiteY6" fmla="*/ 5537 h 1074331"/>
            <a:gd name="connsiteX0" fmla="*/ 11075 w 2807659"/>
            <a:gd name="connsiteY0" fmla="*/ 5537 h 1074331"/>
            <a:gd name="connsiteX1" fmla="*/ 0 w 2807659"/>
            <a:gd name="connsiteY1" fmla="*/ 941425 h 1074331"/>
            <a:gd name="connsiteX2" fmla="*/ 232587 w 2807659"/>
            <a:gd name="connsiteY2" fmla="*/ 1074331 h 1074331"/>
            <a:gd name="connsiteX3" fmla="*/ 2680290 w 2807659"/>
            <a:gd name="connsiteY3" fmla="*/ 1074331 h 1074331"/>
            <a:gd name="connsiteX4" fmla="*/ 2807659 w 2807659"/>
            <a:gd name="connsiteY4" fmla="*/ 919273 h 1074331"/>
            <a:gd name="connsiteX5" fmla="*/ 2768896 w 2807659"/>
            <a:gd name="connsiteY5" fmla="*/ 0 h 1074331"/>
            <a:gd name="connsiteX6" fmla="*/ 11075 w 2807659"/>
            <a:gd name="connsiteY6" fmla="*/ 5537 h 1074331"/>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Lst>
          <a:rect l="l" t="t" r="r" b="b"/>
          <a:pathLst>
            <a:path w="2807659" h="1074331">
              <a:moveTo>
                <a:pt x="11075" y="5537"/>
              </a:moveTo>
              <a:lnTo>
                <a:pt x="0" y="941425"/>
              </a:lnTo>
              <a:cubicBezTo>
                <a:pt x="40611" y="1006033"/>
                <a:pt x="164288" y="1037412"/>
                <a:pt x="232587" y="1074331"/>
              </a:cubicBezTo>
              <a:lnTo>
                <a:pt x="2680290" y="1074331"/>
              </a:lnTo>
              <a:cubicBezTo>
                <a:pt x="2793998" y="1030470"/>
                <a:pt x="2783663" y="1004113"/>
                <a:pt x="2807659" y="919273"/>
              </a:cubicBezTo>
              <a:lnTo>
                <a:pt x="2768896" y="0"/>
              </a:lnTo>
              <a:lnTo>
                <a:pt x="11075" y="5537"/>
              </a:lnTo>
              <a:close/>
            </a:path>
          </a:pathLst>
        </a:custGeom>
        <a:noFill/>
        <a:ln>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5</xdr:col>
      <xdr:colOff>16613</xdr:colOff>
      <xdr:row>10</xdr:row>
      <xdr:rowOff>66624</xdr:rowOff>
    </xdr:from>
    <xdr:to>
      <xdr:col>25</xdr:col>
      <xdr:colOff>32011</xdr:colOff>
      <xdr:row>11</xdr:row>
      <xdr:rowOff>123541</xdr:rowOff>
    </xdr:to>
    <xdr:sp macro="" textlink="">
      <xdr:nvSpPr>
        <xdr:cNvPr id="44" name="正方形/長方形 43"/>
        <xdr:cNvSpPr/>
      </xdr:nvSpPr>
      <xdr:spPr>
        <a:xfrm>
          <a:off x="819593" y="1506450"/>
          <a:ext cx="3227316" cy="200899"/>
        </a:xfrm>
        <a:prstGeom prst="rect">
          <a:avLst/>
        </a:prstGeom>
        <a:solidFill>
          <a:schemeClr val="accent4">
            <a:alpha val="25000"/>
          </a:schemeClr>
        </a:solidFill>
        <a:ln>
          <a:no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oneCellAnchor>
    <xdr:from>
      <xdr:col>11</xdr:col>
      <xdr:colOff>149505</xdr:colOff>
      <xdr:row>10</xdr:row>
      <xdr:rowOff>66470</xdr:rowOff>
    </xdr:from>
    <xdr:ext cx="813043" cy="209032"/>
    <xdr:sp macro="" textlink="">
      <xdr:nvSpPr>
        <xdr:cNvPr id="45" name="テキスト ボックス 44"/>
        <xdr:cNvSpPr txBox="1"/>
      </xdr:nvSpPr>
      <xdr:spPr>
        <a:xfrm>
          <a:off x="1916060" y="1506296"/>
          <a:ext cx="813043" cy="209032"/>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wrap="none" rtlCol="0" anchor="t">
          <a:spAutoFit/>
        </a:bodyPr>
        <a:lstStyle/>
        <a:p>
          <a:r>
            <a:rPr kumimoji="1" lang="ja-JP" altLang="en-US" sz="700">
              <a:latin typeface="HGPｺﾞｼｯｸM" panose="020B0600000000000000" pitchFamily="50" charset="-128"/>
              <a:ea typeface="HGPｺﾞｼｯｸM" panose="020B0600000000000000" pitchFamily="50" charset="-128"/>
            </a:rPr>
            <a:t>歩行者優先空間</a:t>
          </a:r>
        </a:p>
      </xdr:txBody>
    </xdr:sp>
    <xdr:clientData/>
  </xdr:oneCellAnchor>
  <xdr:twoCellAnchor>
    <xdr:from>
      <xdr:col>27</xdr:col>
      <xdr:colOff>49858</xdr:colOff>
      <xdr:row>10</xdr:row>
      <xdr:rowOff>66469</xdr:rowOff>
    </xdr:from>
    <xdr:to>
      <xdr:col>45</xdr:col>
      <xdr:colOff>149520</xdr:colOff>
      <xdr:row>11</xdr:row>
      <xdr:rowOff>111734</xdr:rowOff>
    </xdr:to>
    <xdr:sp macro="" textlink="">
      <xdr:nvSpPr>
        <xdr:cNvPr id="46" name="正方形/長方形 45"/>
        <xdr:cNvSpPr/>
      </xdr:nvSpPr>
      <xdr:spPr>
        <a:xfrm>
          <a:off x="4385948" y="1506295"/>
          <a:ext cx="2990389" cy="189247"/>
        </a:xfrm>
        <a:prstGeom prst="rect">
          <a:avLst/>
        </a:prstGeom>
        <a:solidFill>
          <a:schemeClr val="accent4">
            <a:alpha val="25000"/>
          </a:schemeClr>
        </a:solidFill>
        <a:ln>
          <a:no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oneCellAnchor>
    <xdr:from>
      <xdr:col>33</xdr:col>
      <xdr:colOff>57491</xdr:colOff>
      <xdr:row>10</xdr:row>
      <xdr:rowOff>66689</xdr:rowOff>
    </xdr:from>
    <xdr:ext cx="813043" cy="209032"/>
    <xdr:sp macro="" textlink="">
      <xdr:nvSpPr>
        <xdr:cNvPr id="47" name="テキスト ボックス 46"/>
        <xdr:cNvSpPr txBox="1"/>
      </xdr:nvSpPr>
      <xdr:spPr>
        <a:xfrm>
          <a:off x="5357157" y="1506515"/>
          <a:ext cx="813043" cy="209032"/>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wrap="none" rtlCol="0" anchor="t">
          <a:spAutoFit/>
        </a:bodyPr>
        <a:lstStyle/>
        <a:p>
          <a:r>
            <a:rPr kumimoji="1" lang="ja-JP" altLang="en-US" sz="700">
              <a:latin typeface="HGPｺﾞｼｯｸM" panose="020B0600000000000000" pitchFamily="50" charset="-128"/>
              <a:ea typeface="HGPｺﾞｼｯｸM" panose="020B0600000000000000" pitchFamily="50" charset="-128"/>
            </a:rPr>
            <a:t>歩行者優先空間</a:t>
          </a:r>
        </a:p>
      </xdr:txBody>
    </xdr:sp>
    <xdr:clientData/>
  </xdr:oneCellAnchor>
  <xdr:twoCellAnchor>
    <xdr:from>
      <xdr:col>49</xdr:col>
      <xdr:colOff>60914</xdr:colOff>
      <xdr:row>10</xdr:row>
      <xdr:rowOff>87890</xdr:rowOff>
    </xdr:from>
    <xdr:to>
      <xdr:col>61</xdr:col>
      <xdr:colOff>60914</xdr:colOff>
      <xdr:row>11</xdr:row>
      <xdr:rowOff>113664</xdr:rowOff>
    </xdr:to>
    <xdr:sp macro="" textlink="">
      <xdr:nvSpPr>
        <xdr:cNvPr id="48" name="正方形/長方形 47"/>
        <xdr:cNvSpPr/>
      </xdr:nvSpPr>
      <xdr:spPr>
        <a:xfrm>
          <a:off x="7930115" y="1527716"/>
          <a:ext cx="1927151" cy="169756"/>
        </a:xfrm>
        <a:prstGeom prst="rect">
          <a:avLst/>
        </a:prstGeom>
        <a:solidFill>
          <a:schemeClr val="accent4">
            <a:alpha val="25000"/>
          </a:schemeClr>
        </a:solidFill>
        <a:ln>
          <a:no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oneCellAnchor>
    <xdr:from>
      <xdr:col>53</xdr:col>
      <xdr:colOff>43426</xdr:colOff>
      <xdr:row>10</xdr:row>
      <xdr:rowOff>77544</xdr:rowOff>
    </xdr:from>
    <xdr:ext cx="813043" cy="209032"/>
    <xdr:sp macro="" textlink="">
      <xdr:nvSpPr>
        <xdr:cNvPr id="49" name="テキスト ボックス 48"/>
        <xdr:cNvSpPr txBox="1"/>
      </xdr:nvSpPr>
      <xdr:spPr>
        <a:xfrm>
          <a:off x="8555010" y="1517370"/>
          <a:ext cx="813043" cy="209032"/>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wrap="none" rtlCol="0" anchor="t">
          <a:spAutoFit/>
        </a:bodyPr>
        <a:lstStyle/>
        <a:p>
          <a:r>
            <a:rPr kumimoji="1" lang="ja-JP" altLang="en-US" sz="700">
              <a:latin typeface="HGPｺﾞｼｯｸM" panose="020B0600000000000000" pitchFamily="50" charset="-128"/>
              <a:ea typeface="HGPｺﾞｼｯｸM" panose="020B0600000000000000" pitchFamily="50" charset="-128"/>
            </a:rPr>
            <a:t>歩行者優先空間</a:t>
          </a:r>
        </a:p>
      </xdr:txBody>
    </xdr:sp>
    <xdr:clientData/>
  </xdr:oneCellAnchor>
  <xdr:oneCellAnchor>
    <xdr:from>
      <xdr:col>52</xdr:col>
      <xdr:colOff>94161</xdr:colOff>
      <xdr:row>4</xdr:row>
      <xdr:rowOff>83083</xdr:rowOff>
    </xdr:from>
    <xdr:ext cx="391647" cy="242374"/>
    <xdr:sp macro="" textlink="">
      <xdr:nvSpPr>
        <xdr:cNvPr id="50" name="テキスト ボックス 49"/>
        <xdr:cNvSpPr txBox="1"/>
      </xdr:nvSpPr>
      <xdr:spPr>
        <a:xfrm>
          <a:off x="8445149" y="659013"/>
          <a:ext cx="391647"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wrap="none" rtlCol="0" anchor="t">
          <a:spAutoFit/>
        </a:bodyPr>
        <a:lstStyle/>
        <a:p>
          <a:pPr algn="ctr"/>
          <a:r>
            <a:rPr kumimoji="1" lang="en-US" altLang="ja-JP" sz="900">
              <a:latin typeface="HGPｺﾞｼｯｸM" panose="020B0600000000000000" pitchFamily="50" charset="-128"/>
              <a:ea typeface="HGPｺﾞｼｯｸM" panose="020B0600000000000000" pitchFamily="50" charset="-128"/>
            </a:rPr>
            <a:t>KNB</a:t>
          </a:r>
          <a:endParaRPr kumimoji="1" lang="ja-JP" altLang="en-US" sz="900">
            <a:latin typeface="HGPｺﾞｼｯｸM" panose="020B0600000000000000" pitchFamily="50" charset="-128"/>
            <a:ea typeface="HGPｺﾞｼｯｸM" panose="020B0600000000000000" pitchFamily="50" charset="-128"/>
          </a:endParaRPr>
        </a:p>
      </xdr:txBody>
    </xdr:sp>
    <xdr:clientData/>
  </xdr:oneCellAnchor>
  <xdr:oneCellAnchor>
    <xdr:from>
      <xdr:col>29</xdr:col>
      <xdr:colOff>127386</xdr:colOff>
      <xdr:row>4</xdr:row>
      <xdr:rowOff>88620</xdr:rowOff>
    </xdr:from>
    <xdr:ext cx="1754006" cy="242374"/>
    <xdr:sp macro="" textlink="">
      <xdr:nvSpPr>
        <xdr:cNvPr id="51" name="テキスト ボックス 50"/>
        <xdr:cNvSpPr txBox="1"/>
      </xdr:nvSpPr>
      <xdr:spPr>
        <a:xfrm>
          <a:off x="4784668" y="664550"/>
          <a:ext cx="1754006"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wrap="none" rtlCol="0" anchor="t">
          <a:spAutoFit/>
        </a:bodyPr>
        <a:lstStyle/>
        <a:p>
          <a:pPr algn="ctr"/>
          <a:r>
            <a:rPr kumimoji="1" lang="ja-JP" altLang="en-US" sz="900">
              <a:latin typeface="HGPｺﾞｼｯｸM" panose="020B0600000000000000" pitchFamily="50" charset="-128"/>
              <a:ea typeface="HGPｺﾞｼｯｸM" panose="020B0600000000000000" pitchFamily="50" charset="-128"/>
            </a:rPr>
            <a:t>オークスカナルパークホテル富山</a:t>
          </a:r>
        </a:p>
      </xdr:txBody>
    </xdr:sp>
    <xdr:clientData/>
  </xdr:oneCellAnchor>
  <xdr:oneCellAnchor>
    <xdr:from>
      <xdr:col>11</xdr:col>
      <xdr:colOff>5556</xdr:colOff>
      <xdr:row>4</xdr:row>
      <xdr:rowOff>127386</xdr:rowOff>
    </xdr:from>
    <xdr:ext cx="966931" cy="242374"/>
    <xdr:sp macro="" textlink="">
      <xdr:nvSpPr>
        <xdr:cNvPr id="52" name="テキスト ボックス 51"/>
        <xdr:cNvSpPr txBox="1"/>
      </xdr:nvSpPr>
      <xdr:spPr>
        <a:xfrm>
          <a:off x="1772111" y="703316"/>
          <a:ext cx="966931"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wrap="none" rtlCol="0" anchor="t">
          <a:spAutoFit/>
        </a:bodyPr>
        <a:lstStyle/>
        <a:p>
          <a:pPr algn="ctr"/>
          <a:r>
            <a:rPr kumimoji="1" lang="ja-JP" altLang="en-US" sz="900">
              <a:latin typeface="HGPｺﾞｼｯｸM" panose="020B0600000000000000" pitchFamily="50" charset="-128"/>
              <a:ea typeface="HGPｺﾞｼｯｸM" panose="020B0600000000000000" pitchFamily="50" charset="-128"/>
            </a:rPr>
            <a:t>アーバンプレイス</a:t>
          </a:r>
        </a:p>
      </xdr:txBody>
    </xdr:sp>
    <xdr:clientData/>
  </xdr:oneCellAnchor>
  <xdr:twoCellAnchor editAs="oneCell">
    <xdr:from>
      <xdr:col>53</xdr:col>
      <xdr:colOff>27698</xdr:colOff>
      <xdr:row>16</xdr:row>
      <xdr:rowOff>49840</xdr:rowOff>
    </xdr:from>
    <xdr:to>
      <xdr:col>63</xdr:col>
      <xdr:colOff>129995</xdr:colOff>
      <xdr:row>18</xdr:row>
      <xdr:rowOff>108042</xdr:rowOff>
    </xdr:to>
    <xdr:pic>
      <xdr:nvPicPr>
        <xdr:cNvPr id="53" name="図 52"/>
        <xdr:cNvPicPr>
          <a:picLocks noChangeAspect="1" noChangeArrowheads="1"/>
        </xdr:cNvPicPr>
      </xdr:nvPicPr>
      <xdr:blipFill>
        <a:blip xmlns:r="http://schemas.openxmlformats.org/officeDocument/2006/relationships" r:embed="rId2" cstate="print">
          <a:extLst>
            <a:ext uri="{28A0092B-C50C-407E-A947-70E740481C1C}">
              <a14:useLocalDpi xmlns:a14="http://schemas.microsoft.com/office/drawing/2010/main" val="0"/>
            </a:ext>
          </a:extLst>
        </a:blip>
        <a:srcRect/>
        <a:stretch>
          <a:fillRect/>
        </a:stretch>
      </xdr:blipFill>
      <xdr:spPr bwMode="auto">
        <a:xfrm>
          <a:off x="8539282" y="2353561"/>
          <a:ext cx="1708257" cy="346167"/>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44</xdr:col>
      <xdr:colOff>5556</xdr:colOff>
      <xdr:row>16</xdr:row>
      <xdr:rowOff>110771</xdr:rowOff>
    </xdr:from>
    <xdr:to>
      <xdr:col>51</xdr:col>
      <xdr:colOff>106073</xdr:colOff>
      <xdr:row>18</xdr:row>
      <xdr:rowOff>95091</xdr:rowOff>
    </xdr:to>
    <xdr:sp macro="" textlink="">
      <xdr:nvSpPr>
        <xdr:cNvPr id="54" name="テキスト ボックス 53"/>
        <xdr:cNvSpPr txBox="1"/>
      </xdr:nvSpPr>
      <xdr:spPr>
        <a:xfrm>
          <a:off x="7071777" y="2414492"/>
          <a:ext cx="1224688" cy="272285"/>
        </a:xfrm>
        <a:prstGeom prst="rect">
          <a:avLst/>
        </a:prstGeom>
        <a:solidFill>
          <a:schemeClr val="lt1"/>
        </a:solidFill>
        <a:ln w="9525" cmpd="sng">
          <a:solidFill>
            <a:schemeClr val="lt1">
              <a:shade val="50000"/>
            </a:schemeClr>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a:latin typeface="HGPｺﾞｼｯｸM" panose="020B0600000000000000" pitchFamily="50" charset="-128"/>
              <a:ea typeface="HGPｺﾞｼｯｸM" panose="020B0600000000000000" pitchFamily="50" charset="-128"/>
            </a:rPr>
            <a:t>　　　広場区域</a:t>
          </a:r>
        </a:p>
      </xdr:txBody>
    </xdr:sp>
    <xdr:clientData/>
  </xdr:twoCellAnchor>
  <xdr:twoCellAnchor>
    <xdr:from>
      <xdr:col>11</xdr:col>
      <xdr:colOff>64407</xdr:colOff>
      <xdr:row>7</xdr:row>
      <xdr:rowOff>28353</xdr:rowOff>
    </xdr:from>
    <xdr:to>
      <xdr:col>25</xdr:col>
      <xdr:colOff>28510</xdr:colOff>
      <xdr:row>8</xdr:row>
      <xdr:rowOff>93798</xdr:rowOff>
    </xdr:to>
    <xdr:sp macro="" textlink="">
      <xdr:nvSpPr>
        <xdr:cNvPr id="22" name="正方形/長方形 21"/>
        <xdr:cNvSpPr/>
      </xdr:nvSpPr>
      <xdr:spPr>
        <a:xfrm rot="-60000">
          <a:off x="1830962" y="1036231"/>
          <a:ext cx="2212446" cy="209427"/>
        </a:xfrm>
        <a:prstGeom prst="rect">
          <a:avLst/>
        </a:prstGeom>
        <a:solidFill>
          <a:schemeClr val="tx1">
            <a:alpha val="30000"/>
          </a:schemeClr>
        </a:solidFill>
        <a:ln>
          <a:no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44</xdr:col>
      <xdr:colOff>120972</xdr:colOff>
      <xdr:row>17</xdr:row>
      <xdr:rowOff>40798</xdr:rowOff>
    </xdr:from>
    <xdr:to>
      <xdr:col>46</xdr:col>
      <xdr:colOff>23950</xdr:colOff>
      <xdr:row>18</xdr:row>
      <xdr:rowOff>35785</xdr:rowOff>
    </xdr:to>
    <xdr:sp macro="" textlink="">
      <xdr:nvSpPr>
        <xdr:cNvPr id="55" name="正方形/長方形 54"/>
        <xdr:cNvSpPr/>
      </xdr:nvSpPr>
      <xdr:spPr>
        <a:xfrm>
          <a:off x="7187193" y="2488501"/>
          <a:ext cx="224170" cy="138970"/>
        </a:xfrm>
        <a:prstGeom prst="rect">
          <a:avLst/>
        </a:prstGeom>
        <a:noFill/>
        <a:ln>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clip" horzOverflow="clip" vert="horz" wrap="square" lIns="91440" tIns="45720" rIns="91440" bIns="45720" numCol="1" spcCol="0" rtlCol="0" fromWordArt="0" anchor="t" anchorCtr="0" forceAA="0" compatLnSpc="1">
          <a:prstTxWarp prst="textNoShape">
            <a:avLst/>
          </a:prstTxWarp>
          <a:noAutofit/>
        </a:bodyPr>
        <a:lstStyle/>
        <a:p>
          <a:pPr algn="l"/>
          <a:endParaRPr kumimoji="1" lang="ja-JP" altLang="en-US" sz="1100"/>
        </a:p>
      </xdr:txBody>
    </xdr:sp>
    <xdr:clientData/>
  </xdr:twoCellAnchor>
  <xdr:oneCellAnchor>
    <xdr:from>
      <xdr:col>2</xdr:col>
      <xdr:colOff>49857</xdr:colOff>
      <xdr:row>16</xdr:row>
      <xdr:rowOff>77544</xdr:rowOff>
    </xdr:from>
    <xdr:ext cx="646331" cy="225703"/>
    <xdr:sp macro="" textlink="">
      <xdr:nvSpPr>
        <xdr:cNvPr id="56" name="テキスト ボックス 55"/>
        <xdr:cNvSpPr txBox="1"/>
      </xdr:nvSpPr>
      <xdr:spPr>
        <a:xfrm>
          <a:off x="371049" y="2381265"/>
          <a:ext cx="646331"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wrap="none" rtlCol="0" anchor="t">
          <a:spAutoFit/>
        </a:bodyPr>
        <a:lstStyle/>
        <a:p>
          <a:r>
            <a:rPr kumimoji="1" lang="ja-JP" altLang="en-US" sz="800">
              <a:latin typeface="HGPｺﾞｼｯｸM" panose="020B0600000000000000" pitchFamily="50" charset="-128"/>
              <a:ea typeface="HGPｺﾞｼｯｸM" panose="020B0600000000000000" pitchFamily="50" charset="-128"/>
            </a:rPr>
            <a:t>至：富山駅</a:t>
          </a:r>
        </a:p>
      </xdr:txBody>
    </xdr:sp>
    <xdr:clientData/>
  </xdr:oneCellAnchor>
  <xdr:twoCellAnchor>
    <xdr:from>
      <xdr:col>26</xdr:col>
      <xdr:colOff>147980</xdr:colOff>
      <xdr:row>7</xdr:row>
      <xdr:rowOff>10074</xdr:rowOff>
    </xdr:from>
    <xdr:to>
      <xdr:col>36</xdr:col>
      <xdr:colOff>30613</xdr:colOff>
      <xdr:row>8</xdr:row>
      <xdr:rowOff>55352</xdr:rowOff>
    </xdr:to>
    <xdr:sp macro="" textlink="">
      <xdr:nvSpPr>
        <xdr:cNvPr id="23" name="正方形/長方形 22"/>
        <xdr:cNvSpPr/>
      </xdr:nvSpPr>
      <xdr:spPr>
        <a:xfrm rot="-60000">
          <a:off x="4323474" y="1017952"/>
          <a:ext cx="1488592" cy="189260"/>
        </a:xfrm>
        <a:prstGeom prst="rect">
          <a:avLst/>
        </a:prstGeom>
        <a:solidFill>
          <a:schemeClr val="tx1">
            <a:alpha val="30000"/>
          </a:schemeClr>
        </a:solidFill>
        <a:ln>
          <a:no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6</xdr:col>
      <xdr:colOff>104401</xdr:colOff>
      <xdr:row>7</xdr:row>
      <xdr:rowOff>54761</xdr:rowOff>
    </xdr:from>
    <xdr:to>
      <xdr:col>8</xdr:col>
      <xdr:colOff>71992</xdr:colOff>
      <xdr:row>8</xdr:row>
      <xdr:rowOff>87605</xdr:rowOff>
    </xdr:to>
    <xdr:sp macro="" textlink="">
      <xdr:nvSpPr>
        <xdr:cNvPr id="33" name="正方形/長方形 32"/>
        <xdr:cNvSpPr/>
      </xdr:nvSpPr>
      <xdr:spPr>
        <a:xfrm>
          <a:off x="1067977" y="1062639"/>
          <a:ext cx="288782" cy="176826"/>
        </a:xfrm>
        <a:prstGeom prst="rect">
          <a:avLst/>
        </a:prstGeom>
        <a:solidFill>
          <a:schemeClr val="tx1">
            <a:alpha val="30000"/>
          </a:schemeClr>
        </a:solidFill>
        <a:ln>
          <a:no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oneCellAnchor>
    <xdr:from>
      <xdr:col>16</xdr:col>
      <xdr:colOff>38783</xdr:colOff>
      <xdr:row>7</xdr:row>
      <xdr:rowOff>33242</xdr:rowOff>
    </xdr:from>
    <xdr:ext cx="543739" cy="209032"/>
    <xdr:sp macro="" textlink="">
      <xdr:nvSpPr>
        <xdr:cNvPr id="43" name="テキスト ボックス 42"/>
        <xdr:cNvSpPr txBox="1"/>
      </xdr:nvSpPr>
      <xdr:spPr>
        <a:xfrm>
          <a:off x="2608318" y="1041120"/>
          <a:ext cx="543739" cy="209032"/>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wrap="none" rtlCol="0" anchor="t">
          <a:spAutoFit/>
        </a:bodyPr>
        <a:lstStyle/>
        <a:p>
          <a:r>
            <a:rPr kumimoji="1" lang="ja-JP" altLang="en-US" sz="700">
              <a:latin typeface="HGPｺﾞｼｯｸM" panose="020B0600000000000000" pitchFamily="50" charset="-128"/>
              <a:ea typeface="HGPｺﾞｼｯｸM" panose="020B0600000000000000" pitchFamily="50" charset="-128"/>
            </a:rPr>
            <a:t>使用不可</a:t>
          </a:r>
        </a:p>
      </xdr:txBody>
    </xdr:sp>
    <xdr:clientData/>
  </xdr:oneCellAnchor>
  <xdr:oneCellAnchor>
    <xdr:from>
      <xdr:col>29</xdr:col>
      <xdr:colOff>83085</xdr:colOff>
      <xdr:row>7</xdr:row>
      <xdr:rowOff>15</xdr:rowOff>
    </xdr:from>
    <xdr:ext cx="543739" cy="209032"/>
    <xdr:sp macro="" textlink="">
      <xdr:nvSpPr>
        <xdr:cNvPr id="42" name="テキスト ボックス 41"/>
        <xdr:cNvSpPr txBox="1"/>
      </xdr:nvSpPr>
      <xdr:spPr>
        <a:xfrm>
          <a:off x="4740367" y="1007893"/>
          <a:ext cx="543739" cy="209032"/>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wrap="none" rtlCol="0" anchor="t">
          <a:spAutoFit/>
        </a:bodyPr>
        <a:lstStyle/>
        <a:p>
          <a:r>
            <a:rPr kumimoji="1" lang="ja-JP" altLang="en-US" sz="700">
              <a:latin typeface="HGPｺﾞｼｯｸM" panose="020B0600000000000000" pitchFamily="50" charset="-128"/>
              <a:ea typeface="HGPｺﾞｼｯｸM" panose="020B0600000000000000" pitchFamily="50" charset="-128"/>
            </a:rPr>
            <a:t>使用不可</a:t>
          </a:r>
        </a:p>
      </xdr:txBody>
    </xdr:sp>
    <xdr:clientData/>
  </xdr:oneCellAnchor>
  <xdr:twoCellAnchor>
    <xdr:from>
      <xdr:col>2</xdr:col>
      <xdr:colOff>49840</xdr:colOff>
      <xdr:row>3</xdr:row>
      <xdr:rowOff>11075</xdr:rowOff>
    </xdr:from>
    <xdr:to>
      <xdr:col>64</xdr:col>
      <xdr:colOff>138444</xdr:colOff>
      <xdr:row>19</xdr:row>
      <xdr:rowOff>38764</xdr:rowOff>
    </xdr:to>
    <xdr:sp macro="" textlink="">
      <xdr:nvSpPr>
        <xdr:cNvPr id="2" name="正方形/長方形 1"/>
        <xdr:cNvSpPr/>
      </xdr:nvSpPr>
      <xdr:spPr>
        <a:xfrm>
          <a:off x="371032" y="443023"/>
          <a:ext cx="10045552" cy="2331410"/>
        </a:xfrm>
        <a:prstGeom prst="rect">
          <a:avLst/>
        </a:prstGeom>
        <a:no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B1:BO3"/>
  <sheetViews>
    <sheetView tabSelected="1" view="pageBreakPreview" zoomScale="172" zoomScaleNormal="100" zoomScaleSheetLayoutView="172" workbookViewId="0">
      <selection activeCell="BA24" sqref="BA24"/>
    </sheetView>
  </sheetViews>
  <sheetFormatPr defaultColWidth="2.125" defaultRowHeight="11.25" customHeight="1" x14ac:dyDescent="0.15"/>
  <sheetData>
    <row r="1" spans="2:67" ht="11.25" customHeight="1" x14ac:dyDescent="0.15">
      <c r="B1" s="3" t="s">
        <v>1</v>
      </c>
      <c r="C1" s="3"/>
      <c r="D1" s="3"/>
      <c r="E1" s="3"/>
      <c r="F1" s="3"/>
      <c r="G1" s="3"/>
      <c r="H1" s="3"/>
      <c r="I1" s="3"/>
      <c r="J1" s="3"/>
      <c r="K1" s="3"/>
      <c r="L1" s="3"/>
      <c r="M1" s="3"/>
      <c r="N1" s="3"/>
      <c r="O1" s="3"/>
      <c r="P1" s="3"/>
      <c r="Q1" s="3"/>
      <c r="R1" s="3"/>
      <c r="S1" s="3"/>
      <c r="T1" s="3"/>
      <c r="U1" s="3"/>
      <c r="V1" s="3"/>
      <c r="W1" s="3"/>
      <c r="X1" s="3"/>
      <c r="Y1" s="3"/>
      <c r="Z1" s="3"/>
      <c r="AA1" s="3"/>
      <c r="AB1" s="3"/>
      <c r="AC1" s="3"/>
      <c r="AD1" s="3"/>
      <c r="AE1" s="3"/>
      <c r="AF1" s="3"/>
      <c r="AG1" s="3"/>
      <c r="BB1" s="1" t="s">
        <v>0</v>
      </c>
      <c r="BC1" s="2"/>
      <c r="BD1" s="2"/>
      <c r="BE1" s="2"/>
      <c r="BF1" s="2"/>
      <c r="BG1" s="2"/>
      <c r="BH1" s="2"/>
      <c r="BI1" s="2"/>
      <c r="BJ1" s="2"/>
      <c r="BK1" s="2"/>
      <c r="BL1" s="2"/>
      <c r="BM1" s="2"/>
      <c r="BN1" s="2"/>
      <c r="BO1" s="2"/>
    </row>
    <row r="2" spans="2:67" ht="11.25" customHeight="1" x14ac:dyDescent="0.15">
      <c r="B2" s="3"/>
      <c r="C2" s="3"/>
      <c r="D2" s="3"/>
      <c r="E2" s="3"/>
      <c r="F2" s="3"/>
      <c r="G2" s="3"/>
      <c r="H2" s="3"/>
      <c r="I2" s="3"/>
      <c r="J2" s="3"/>
      <c r="K2" s="3"/>
      <c r="L2" s="3"/>
      <c r="M2" s="3"/>
      <c r="N2" s="3"/>
      <c r="O2" s="3"/>
      <c r="P2" s="3"/>
      <c r="Q2" s="3"/>
      <c r="R2" s="3"/>
      <c r="S2" s="3"/>
      <c r="T2" s="3"/>
      <c r="U2" s="3"/>
      <c r="V2" s="3"/>
      <c r="W2" s="3"/>
      <c r="X2" s="3"/>
      <c r="Y2" s="3"/>
      <c r="Z2" s="3"/>
      <c r="AA2" s="3"/>
      <c r="AB2" s="3"/>
      <c r="AC2" s="3"/>
      <c r="AD2" s="3"/>
      <c r="AE2" s="3"/>
      <c r="AF2" s="3"/>
      <c r="AG2" s="3"/>
      <c r="BB2" s="2"/>
      <c r="BC2" s="2"/>
      <c r="BD2" s="2"/>
      <c r="BE2" s="2"/>
      <c r="BF2" s="2"/>
      <c r="BG2" s="2"/>
      <c r="BH2" s="2"/>
      <c r="BI2" s="2"/>
      <c r="BJ2" s="2"/>
      <c r="BK2" s="2"/>
      <c r="BL2" s="2"/>
      <c r="BM2" s="2"/>
      <c r="BN2" s="2"/>
      <c r="BO2" s="2"/>
    </row>
    <row r="3" spans="2:67" ht="11.25" customHeight="1" x14ac:dyDescent="0.15">
      <c r="B3" s="3"/>
      <c r="C3" s="3"/>
      <c r="D3" s="3"/>
      <c r="E3" s="3"/>
      <c r="F3" s="3"/>
      <c r="G3" s="3"/>
      <c r="H3" s="3"/>
      <c r="I3" s="3"/>
      <c r="J3" s="3"/>
      <c r="K3" s="3"/>
      <c r="L3" s="3"/>
      <c r="M3" s="3"/>
      <c r="N3" s="3"/>
      <c r="O3" s="3"/>
      <c r="P3" s="3"/>
      <c r="Q3" s="3"/>
      <c r="R3" s="3"/>
      <c r="S3" s="3"/>
      <c r="T3" s="3"/>
      <c r="U3" s="3"/>
      <c r="V3" s="3"/>
      <c r="W3" s="3"/>
      <c r="X3" s="3"/>
      <c r="Y3" s="3"/>
      <c r="Z3" s="3"/>
      <c r="AA3" s="3"/>
      <c r="AB3" s="3"/>
      <c r="AC3" s="3"/>
      <c r="AD3" s="3"/>
      <c r="AE3" s="3"/>
      <c r="AF3" s="3"/>
      <c r="AG3" s="3"/>
      <c r="BB3" s="2"/>
      <c r="BC3" s="2"/>
      <c r="BD3" s="2"/>
      <c r="BE3" s="2"/>
      <c r="BF3" s="2"/>
      <c r="BG3" s="2"/>
      <c r="BH3" s="2"/>
      <c r="BI3" s="2"/>
      <c r="BJ3" s="2"/>
      <c r="BK3" s="2"/>
      <c r="BL3" s="2"/>
      <c r="BM3" s="2"/>
      <c r="BN3" s="2"/>
      <c r="BO3" s="2"/>
    </row>
  </sheetData>
  <mergeCells count="2">
    <mergeCell ref="BB1:BO3"/>
    <mergeCell ref="B1:AG3"/>
  </mergeCells>
  <phoneticPr fontId="1"/>
  <pageMargins left="0.23622047244094491" right="0.23622047244094491" top="1.3385826771653544" bottom="0.74803149606299213" header="0.31496062992125984" footer="0.31496062992125984"/>
  <pageSetup paperSize="9" orientation="landscape" r:id="rId1"/>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Sheet1</vt:lpstr>
      <vt:lpstr>Sheet1!Print_Area</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富山市</dc:creator>
  <cp:lastModifiedBy>松下　晃三</cp:lastModifiedBy>
  <cp:lastPrinted>2023-09-12T08:09:04Z</cp:lastPrinted>
  <dcterms:created xsi:type="dcterms:W3CDTF">2020-09-16T11:08:09Z</dcterms:created>
  <dcterms:modified xsi:type="dcterms:W3CDTF">2023-09-12T08:09:59Z</dcterms:modified>
</cp:coreProperties>
</file>